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4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99302\Downloads\"/>
    </mc:Choice>
  </mc:AlternateContent>
  <xr:revisionPtr revIDLastSave="0" documentId="13_ncr:1_{5744E7A9-C039-4AC7-BFCE-8514992B1082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Journals_without_Transactional_" sheetId="1" r:id="rId1"/>
  </sheets>
  <definedNames>
    <definedName name="Journals_without_Transactional_Access">Journals_without_Transactional_!$A$1:$G$1771</definedName>
  </definedNames>
  <calcPr calcId="125725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1363" uniqueCount="9139">
  <si>
    <t>Journal Title</t>
  </si>
  <si>
    <t>ISSN</t>
  </si>
  <si>
    <t>Unformatted ISSN</t>
  </si>
  <si>
    <t>Product ID</t>
  </si>
  <si>
    <t>Status</t>
  </si>
  <si>
    <t>Change History</t>
  </si>
  <si>
    <t>Shortcut URL</t>
  </si>
  <si>
    <t>AACE Clinical Case Reports</t>
  </si>
  <si>
    <t>2376-0605</t>
  </si>
  <si>
    <t>23760605</t>
  </si>
  <si>
    <t>30454</t>
  </si>
  <si>
    <t>Active</t>
  </si>
  <si>
    <t>https://www.sciencedirect.com/science/journal/23760605</t>
  </si>
  <si>
    <t>AASRI Procedia</t>
  </si>
  <si>
    <t>2212-6716</t>
  </si>
  <si>
    <t>22126716</t>
  </si>
  <si>
    <t>08811</t>
  </si>
  <si>
    <t>Transferred</t>
  </si>
  <si>
    <t>Transferred back to the society as of 2016</t>
  </si>
  <si>
    <t>https://www.sciencedirect.com/science/journal/22126716</t>
  </si>
  <si>
    <t>Academic Pathology</t>
  </si>
  <si>
    <t>2374-2895</t>
  </si>
  <si>
    <t>23742895</t>
  </si>
  <si>
    <t>31362</t>
  </si>
  <si>
    <t>https://www.sciencedirect.com/science/journal/23742895</t>
  </si>
  <si>
    <t>Accounting Forum</t>
  </si>
  <si>
    <t>0155-9982</t>
  </si>
  <si>
    <t>01559982</t>
  </si>
  <si>
    <t>04069</t>
  </si>
  <si>
    <t>Title transferred to Taylor &amp; Francis as of 2019</t>
  </si>
  <si>
    <t>https://www.sciencedirect.com/science/journal/01559982</t>
  </si>
  <si>
    <t>Accounting Open</t>
  </si>
  <si>
    <t>3050-5461</t>
  </si>
  <si>
    <t>30505461</t>
  </si>
  <si>
    <t>32007</t>
  </si>
  <si>
    <t>https://www.sciencedirect.com/science/journal/30505461</t>
  </si>
  <si>
    <t>Accounting Theory and Practice</t>
  </si>
  <si>
    <t>2949-9453</t>
  </si>
  <si>
    <t>29499453</t>
  </si>
  <si>
    <t>31663</t>
  </si>
  <si>
    <t>https://www.sciencedirect.com/science/journal/29499453</t>
  </si>
  <si>
    <t>Achievements in the Life Sciences</t>
  </si>
  <si>
    <t>2078-1520</t>
  </si>
  <si>
    <t>20781520</t>
  </si>
  <si>
    <t>17741</t>
  </si>
  <si>
    <t>Transferred back to the society as of 2017</t>
  </si>
  <si>
    <t>https://www.sciencedirect.com/science/journal/20781520</t>
  </si>
  <si>
    <t>ACOG Clinical Review</t>
  </si>
  <si>
    <t>1085-6862</t>
  </si>
  <si>
    <t>10856862</t>
  </si>
  <si>
    <t>07619</t>
  </si>
  <si>
    <t>Transferred to The American College of Obstetrics and Gynecology as of 2004</t>
  </si>
  <si>
    <t>https://www.sciencedirect.com/science/journal/10856862</t>
  </si>
  <si>
    <t>Acta Agronomica Sinica</t>
  </si>
  <si>
    <t>1875-2780</t>
  </si>
  <si>
    <t>18752780</t>
  </si>
  <si>
    <t>08658</t>
  </si>
  <si>
    <t>Transferred back to the society as of 2013</t>
  </si>
  <si>
    <t>https://www.sciencedirect.com/science/journal/18752780</t>
  </si>
  <si>
    <t>Acta Anaesthesiologica Taiwanica</t>
  </si>
  <si>
    <t>1875-4597</t>
  </si>
  <si>
    <t>18754597</t>
  </si>
  <si>
    <t>08659</t>
  </si>
  <si>
    <t>Changed Name</t>
  </si>
  <si>
    <t>Continued as Asian Journal of Anesthesiology</t>
  </si>
  <si>
    <t>https://www.sciencedirect.com/science/journal/18754597</t>
  </si>
  <si>
    <t>Acta Haematologica Polonica</t>
  </si>
  <si>
    <t>0001-5814</t>
  </si>
  <si>
    <t>00015814</t>
  </si>
  <si>
    <t>11009</t>
  </si>
  <si>
    <t>Transferred back to the society as of 2018</t>
  </si>
  <si>
    <t>https://www.sciencedirect.com/science/journal/00015814</t>
  </si>
  <si>
    <t>Acta de Investigación Psicológica</t>
  </si>
  <si>
    <t>2007-4719</t>
  </si>
  <si>
    <t>20074719</t>
  </si>
  <si>
    <t>16847</t>
  </si>
  <si>
    <t>https://www.sciencedirect.com/science/journal/20074719</t>
  </si>
  <si>
    <t>Acta Mathematica Scientia</t>
  </si>
  <si>
    <t>0252-9602</t>
  </si>
  <si>
    <t>02529602</t>
  </si>
  <si>
    <t>05601</t>
  </si>
  <si>
    <t>Transferred to Springer as of 2019</t>
  </si>
  <si>
    <t>https://www.sciencedirect.com/science/journal/02529602</t>
  </si>
  <si>
    <t>Acta Mechanica Solida Sinica</t>
  </si>
  <si>
    <t>0894-9166</t>
  </si>
  <si>
    <t>08949166</t>
  </si>
  <si>
    <t>05618</t>
  </si>
  <si>
    <t>https://www.sciencedirect.com/science/journal/08949166</t>
  </si>
  <si>
    <t>Acta Metallurgica Sinica (English Letters)</t>
  </si>
  <si>
    <t>1006-7191</t>
  </si>
  <si>
    <t>10067191</t>
  </si>
  <si>
    <t>04256</t>
  </si>
  <si>
    <t>Transferred to the Chinese Society for Metals as of 2010</t>
  </si>
  <si>
    <t>https://www.sciencedirect.com/science/journal/10067191</t>
  </si>
  <si>
    <t>Acta Orthopaedica et Traumatologica Turcica</t>
  </si>
  <si>
    <t>1017-995X</t>
  </si>
  <si>
    <t>1017995X</t>
  </si>
  <si>
    <t>18361</t>
  </si>
  <si>
    <t>Transferred back to the society as of 2020</t>
  </si>
  <si>
    <t>https://www.sciencedirect.com/science/journal/1017995X</t>
  </si>
  <si>
    <t>Acta Pharmaceutica Sinica B</t>
  </si>
  <si>
    <t>2211-3835</t>
  </si>
  <si>
    <t>22113835</t>
  </si>
  <si>
    <t>08775</t>
  </si>
  <si>
    <t>https://www.sciencedirect.com/science/journal/22113835</t>
  </si>
  <si>
    <t>Acta Physico-Chimica Sinica</t>
  </si>
  <si>
    <t>1872-1508</t>
  </si>
  <si>
    <t>18721508</t>
  </si>
  <si>
    <t>08570</t>
  </si>
  <si>
    <t>Transferred to the Chinese Chemical Society and College of Chemistry and Molecular Engineering, Peking University as of 2009</t>
  </si>
  <si>
    <t>https://www.sciencedirect.com/science/journal/18721508</t>
  </si>
  <si>
    <t>Acta Poética</t>
  </si>
  <si>
    <t>0185-3082</t>
  </si>
  <si>
    <t>01853082</t>
  </si>
  <si>
    <t>16849</t>
  </si>
  <si>
    <t>https://www.sciencedirect.com/science/journal/01853082</t>
  </si>
  <si>
    <t>Acta Sociológica</t>
  </si>
  <si>
    <t>0186-6028</t>
  </si>
  <si>
    <t>01866028</t>
  </si>
  <si>
    <t>16848</t>
  </si>
  <si>
    <t>https://www.sciencedirect.com/science/journal/01866028</t>
  </si>
  <si>
    <t>Acta Urológica Portuguesa</t>
  </si>
  <si>
    <t>2341-4022</t>
  </si>
  <si>
    <t>23414022</t>
  </si>
  <si>
    <t>16834</t>
  </si>
  <si>
    <t>https://www.sciencedirect.com/science/journal/23414022</t>
  </si>
  <si>
    <t>Actividad Dietetica</t>
  </si>
  <si>
    <t>1138-0322</t>
  </si>
  <si>
    <t>11380322</t>
  </si>
  <si>
    <t>15753</t>
  </si>
  <si>
    <t>Continued as Revista Española de Nutrición Humana y Dietética</t>
  </si>
  <si>
    <t>https://www.sciencedirect.com/science/journal/11380322</t>
  </si>
  <si>
    <t>Addiction Neuroscience</t>
  </si>
  <si>
    <t>2772-3925</t>
  </si>
  <si>
    <t>27723925</t>
  </si>
  <si>
    <t>31224</t>
  </si>
  <si>
    <t>https://www.sciencedirect.com/science/journal/27723925</t>
  </si>
  <si>
    <t>Addictive Behaviors Reports</t>
  </si>
  <si>
    <t>2352-8532</t>
  </si>
  <si>
    <t>23528532</t>
  </si>
  <si>
    <t>18120</t>
  </si>
  <si>
    <t>https://www.sciencedirect.com/science/journal/23528532</t>
  </si>
  <si>
    <t>Additive Manufacturing Frontiers</t>
  </si>
  <si>
    <t>2950-4317</t>
  </si>
  <si>
    <t>29504317</t>
  </si>
  <si>
    <t>31294</t>
  </si>
  <si>
    <t>https://www.sciencedirect.com/science/journal/29504317</t>
  </si>
  <si>
    <t>Additive Manufacturing Letters</t>
  </si>
  <si>
    <t>2772-3690</t>
  </si>
  <si>
    <t>27723690</t>
  </si>
  <si>
    <t>31214</t>
  </si>
  <si>
    <t>https://www.sciencedirect.com/science/journal/27723690</t>
  </si>
  <si>
    <t>Advanced AgroChem</t>
  </si>
  <si>
    <t>2773-2371</t>
  </si>
  <si>
    <t>27732371</t>
  </si>
  <si>
    <t>31473</t>
  </si>
  <si>
    <t>https://www.sciencedirect.com/science/journal/27732371</t>
  </si>
  <si>
    <t>Advanced Bionics</t>
  </si>
  <si>
    <t>2950-3876</t>
  </si>
  <si>
    <t>29503876</t>
  </si>
  <si>
    <t>31782</t>
  </si>
  <si>
    <t>https://www.sciencedirect.com/science/journal/29503876</t>
  </si>
  <si>
    <t>Advanced Design Research</t>
  </si>
  <si>
    <t>2949-7825</t>
  </si>
  <si>
    <t>29497825</t>
  </si>
  <si>
    <t>31529</t>
  </si>
  <si>
    <t>https://www.sciencedirect.com/science/journal/29497825</t>
  </si>
  <si>
    <t>Advanced Exercise and Health Science</t>
  </si>
  <si>
    <t>2950-273X</t>
  </si>
  <si>
    <t>2950273X</t>
  </si>
  <si>
    <t>31709</t>
  </si>
  <si>
    <t>https://www.sciencedirect.com/science/journal/2950273X</t>
  </si>
  <si>
    <t>Advanced Industrial and Engineering Polymer Research</t>
  </si>
  <si>
    <t>2542-5048</t>
  </si>
  <si>
    <t>25425048</t>
  </si>
  <si>
    <t>18401</t>
  </si>
  <si>
    <t>https://www.sciencedirect.com/science/journal/25425048</t>
  </si>
  <si>
    <t>Advanced Interventional Materials</t>
  </si>
  <si>
    <t>3051-1577</t>
  </si>
  <si>
    <t>30511577</t>
  </si>
  <si>
    <t>32167</t>
  </si>
  <si>
    <t>https://www.sciencedirect.com/science/journal/30511577</t>
  </si>
  <si>
    <t>Advanced Membranes</t>
  </si>
  <si>
    <t>2772-8234</t>
  </si>
  <si>
    <t>27728234</t>
  </si>
  <si>
    <t>31352</t>
  </si>
  <si>
    <t>https://www.sciencedirect.com/science/journal/27728234</t>
  </si>
  <si>
    <t>Advanced Nanocomposites</t>
  </si>
  <si>
    <t>2949-9445</t>
  </si>
  <si>
    <t>29499445</t>
  </si>
  <si>
    <t>31614</t>
  </si>
  <si>
    <t>https://www.sciencedirect.com/science/journal/29499445</t>
  </si>
  <si>
    <t>Advanced Orthopaedics</t>
  </si>
  <si>
    <t>3050-7170</t>
  </si>
  <si>
    <t>30507170</t>
  </si>
  <si>
    <t>32088</t>
  </si>
  <si>
    <t>https://www.sciencedirect.com/science/journal/30507170</t>
  </si>
  <si>
    <t>Advanced Powder Materials</t>
  </si>
  <si>
    <t>2772-834X</t>
  </si>
  <si>
    <t>2772834X</t>
  </si>
  <si>
    <t>31366</t>
  </si>
  <si>
    <t>https://www.sciencedirect.com/science/journal/2772834X</t>
  </si>
  <si>
    <t>Advanced Sensor and Energy Materials</t>
  </si>
  <si>
    <t>2773-045X</t>
  </si>
  <si>
    <t>2773045X</t>
  </si>
  <si>
    <t>31421</t>
  </si>
  <si>
    <t>https://www.sciencedirect.com/science/journal/2773045X</t>
  </si>
  <si>
    <t>Advances in Applied Energy</t>
  </si>
  <si>
    <t>2666-7924</t>
  </si>
  <si>
    <t>26667924</t>
  </si>
  <si>
    <t>30446</t>
  </si>
  <si>
    <t>https://www.sciencedirect.com/science/journal/26667924</t>
  </si>
  <si>
    <t>Advances in Archaeomaterials</t>
  </si>
  <si>
    <t>2667-1360</t>
  </si>
  <si>
    <t>26671360</t>
  </si>
  <si>
    <t>31127</t>
  </si>
  <si>
    <t>https://www.sciencedirect.com/science/journal/26671360</t>
  </si>
  <si>
    <t>Advances in Bamboo Science</t>
  </si>
  <si>
    <t>2773-1391</t>
  </si>
  <si>
    <t>27731391</t>
  </si>
  <si>
    <t>31441</t>
  </si>
  <si>
    <t>https://www.sciencedirect.com/science/journal/27731391</t>
  </si>
  <si>
    <t>Advances in Biomarker Sciences and Technology</t>
  </si>
  <si>
    <t>2543-1064</t>
  </si>
  <si>
    <t>25431064</t>
  </si>
  <si>
    <t>18403</t>
  </si>
  <si>
    <t>https://www.sciencedirect.com/science/journal/25431064</t>
  </si>
  <si>
    <t>Advances in Biophysics</t>
  </si>
  <si>
    <t>0065-227X</t>
  </si>
  <si>
    <t>0065227X</t>
  </si>
  <si>
    <t>08000</t>
  </si>
  <si>
    <t>Transferred to Japan Scientific Society Press as of 2005</t>
  </si>
  <si>
    <t>https://www.sciencedirect.com/science/journal/0065227X</t>
  </si>
  <si>
    <t>Advances in Cancer Biology - Metastasis</t>
  </si>
  <si>
    <t>2667-3940</t>
  </si>
  <si>
    <t>26673940</t>
  </si>
  <si>
    <t>31189</t>
  </si>
  <si>
    <t>https://www.sciencedirect.com/science/journal/26673940</t>
  </si>
  <si>
    <t>Advances in Climate Change Research</t>
  </si>
  <si>
    <t>1674-9278</t>
  </si>
  <si>
    <t>16749278</t>
  </si>
  <si>
    <t>18115</t>
  </si>
  <si>
    <t>https://www.sciencedirect.com/science/journal/16749278</t>
  </si>
  <si>
    <t>Advances in Digestive Medicine</t>
  </si>
  <si>
    <t>2351-9797</t>
  </si>
  <si>
    <t>23519797</t>
  </si>
  <si>
    <t>18056</t>
  </si>
  <si>
    <t>https://www.sciencedirect.com/science/journal/23519797</t>
  </si>
  <si>
    <t>Advances in Industrial and Manufacturing Engineering</t>
  </si>
  <si>
    <t>2666-9129</t>
  </si>
  <si>
    <t>26669129</t>
  </si>
  <si>
    <t>31020</t>
  </si>
  <si>
    <t>https://www.sciencedirect.com/science/journal/26669129</t>
  </si>
  <si>
    <t>Advances in Nutrition</t>
  </si>
  <si>
    <t>2161-8313</t>
  </si>
  <si>
    <t>21618313</t>
  </si>
  <si>
    <t>31528</t>
  </si>
  <si>
    <t>https://www.sciencedirect.com/science/journal/21618313</t>
  </si>
  <si>
    <t>Advances in Ophthalmology Practice and Research</t>
  </si>
  <si>
    <t>2667-3762</t>
  </si>
  <si>
    <t>26673762</t>
  </si>
  <si>
    <t>31178</t>
  </si>
  <si>
    <t>https://www.sciencedirect.com/science/journal/26673762</t>
  </si>
  <si>
    <t>Advances in Oral and Maxillofacial Surgery</t>
  </si>
  <si>
    <t>2667-1476</t>
  </si>
  <si>
    <t>26671476</t>
  </si>
  <si>
    <t>31126</t>
  </si>
  <si>
    <t>https://www.sciencedirect.com/science/journal/26671476</t>
  </si>
  <si>
    <t>Advances in Radiation Oncology</t>
  </si>
  <si>
    <t>2452-1094</t>
  </si>
  <si>
    <t>24521094</t>
  </si>
  <si>
    <t>18873</t>
  </si>
  <si>
    <t>https://www.sciencedirect.com/science/journal/24521094</t>
  </si>
  <si>
    <t>Advances in Redox Research</t>
  </si>
  <si>
    <t>2667-1379</t>
  </si>
  <si>
    <t>26671379</t>
  </si>
  <si>
    <t>31128</t>
  </si>
  <si>
    <t>https://www.sciencedirect.com/science/journal/26671379</t>
  </si>
  <si>
    <t>Advances in Sample Preparation</t>
  </si>
  <si>
    <t>2772-5820</t>
  </si>
  <si>
    <t>27725820</t>
  </si>
  <si>
    <t>31266</t>
  </si>
  <si>
    <t>https://www.sciencedirect.com/science/journal/27725820</t>
  </si>
  <si>
    <t>Advances in Small Animal Medicine and Surgery</t>
  </si>
  <si>
    <t>1041-7826</t>
  </si>
  <si>
    <t>10417826</t>
  </si>
  <si>
    <t>13001</t>
  </si>
  <si>
    <t>Discontinued</t>
  </si>
  <si>
    <t>Title discontinued as of 2021</t>
  </si>
  <si>
    <t>https://www.sciencedirect.com/science/journal/10417826</t>
  </si>
  <si>
    <t>Advances in Wind Engineering</t>
  </si>
  <si>
    <t>2950-6018</t>
  </si>
  <si>
    <t>29506018</t>
  </si>
  <si>
    <t>31835</t>
  </si>
  <si>
    <t>https://www.sciencedirect.com/science/journal/29506018</t>
  </si>
  <si>
    <t>Aesthetic Surgery Journal</t>
  </si>
  <si>
    <t>1090-820X</t>
  </si>
  <si>
    <t>1090820X</t>
  </si>
  <si>
    <t>13073</t>
  </si>
  <si>
    <t>Transferred to Sage Publications as of 2010</t>
  </si>
  <si>
    <t>https://www.sciencedirect.com/science/journal/1090820X</t>
  </si>
  <si>
    <t>African Journal of Emergency Medicine</t>
  </si>
  <si>
    <t>2211-419X</t>
  </si>
  <si>
    <t>2211419X</t>
  </si>
  <si>
    <t>08770</t>
  </si>
  <si>
    <t>https://www.sciencedirect.com/science/journal/2211419X</t>
  </si>
  <si>
    <t>African Journal of Urology</t>
  </si>
  <si>
    <t>1110-5704</t>
  </si>
  <si>
    <t>11105704</t>
  </si>
  <si>
    <t>10114</t>
  </si>
  <si>
    <t>Transferred back to the society as of 2019</t>
  </si>
  <si>
    <t>https://www.sciencedirect.com/science/journal/11105704</t>
  </si>
  <si>
    <t>Aging Brain</t>
  </si>
  <si>
    <t>2589-9589</t>
  </si>
  <si>
    <t>25899589</t>
  </si>
  <si>
    <t>18939</t>
  </si>
  <si>
    <t>https://www.sciencedirect.com/science/journal/25899589</t>
  </si>
  <si>
    <t>Aging and Health Research</t>
  </si>
  <si>
    <t>2667-0321</t>
  </si>
  <si>
    <t>26670321</t>
  </si>
  <si>
    <t>31086</t>
  </si>
  <si>
    <t>https://www.sciencedirect.com/science/journal/26670321</t>
  </si>
  <si>
    <t>Agricultural Economics</t>
  </si>
  <si>
    <t>0169-5150</t>
  </si>
  <si>
    <t>01695150</t>
  </si>
  <si>
    <t>05084</t>
  </si>
  <si>
    <t>Transferred to Blackwell as of 2005</t>
  </si>
  <si>
    <t>https://www.sciencedirect.com/science/journal/01695150</t>
  </si>
  <si>
    <t>Agriculture and Agricultural Science Procedia</t>
  </si>
  <si>
    <t>2210-7843</t>
  </si>
  <si>
    <t>22107843</t>
  </si>
  <si>
    <t>08729</t>
  </si>
  <si>
    <t>Title discontinued as of 2017</t>
  </si>
  <si>
    <t>https://www.sciencedirect.com/science/journal/22107843</t>
  </si>
  <si>
    <t>Agriculture Communications</t>
  </si>
  <si>
    <t>2949-7981</t>
  </si>
  <si>
    <t>29497981</t>
  </si>
  <si>
    <t>31536</t>
  </si>
  <si>
    <t>https://www.sciencedirect.com/science/journal/29497981</t>
  </si>
  <si>
    <t>Agriculture and Natural Resources</t>
  </si>
  <si>
    <t>2452-316X</t>
  </si>
  <si>
    <t>2452316X</t>
  </si>
  <si>
    <t>18323</t>
  </si>
  <si>
    <t>https://www.sciencedirect.com/science/journal/2452316X</t>
  </si>
  <si>
    <t>AI Open</t>
  </si>
  <si>
    <t>2666-6510</t>
  </si>
  <si>
    <t>26666510</t>
  </si>
  <si>
    <t>30405</t>
  </si>
  <si>
    <t>https://www.sciencedirect.com/science/journal/26666510</t>
  </si>
  <si>
    <t>Ain Shams Engineering Journal</t>
  </si>
  <si>
    <t>2090-4479</t>
  </si>
  <si>
    <t>20904479</t>
  </si>
  <si>
    <t>08727</t>
  </si>
  <si>
    <t>https://www.sciencedirect.com/science/journal/20904479</t>
  </si>
  <si>
    <t>AJO International</t>
  </si>
  <si>
    <t>2950-2535</t>
  </si>
  <si>
    <t>29502535</t>
  </si>
  <si>
    <t>31685</t>
  </si>
  <si>
    <t>https://www.sciencedirect.com/science/journal/29502535</t>
  </si>
  <si>
    <t>AJOG Global Reports</t>
  </si>
  <si>
    <t>2666-5778</t>
  </si>
  <si>
    <t>26665778</t>
  </si>
  <si>
    <t>30374</t>
  </si>
  <si>
    <t>https://www.sciencedirect.com/science/journal/26665778</t>
  </si>
  <si>
    <t>AJPM Focus</t>
  </si>
  <si>
    <t>2773-0654</t>
  </si>
  <si>
    <t>27730654</t>
  </si>
  <si>
    <t>31426</t>
  </si>
  <si>
    <t>https://www.sciencedirect.com/science/journal/27730654</t>
  </si>
  <si>
    <t>AKCE International Journal of Graphs and Combinatorics</t>
  </si>
  <si>
    <t>0972-8600</t>
  </si>
  <si>
    <t>09728600</t>
  </si>
  <si>
    <t>18231</t>
  </si>
  <si>
    <t>https://www.sciencedirect.com/science/journal/09728600</t>
  </si>
  <si>
    <t>Alcoholism and Drug Addiction</t>
  </si>
  <si>
    <t>0867-4361</t>
  </si>
  <si>
    <t>08674361</t>
  </si>
  <si>
    <t>11022</t>
  </si>
  <si>
    <t>https://www.sciencedirect.com/science/journal/08674361</t>
  </si>
  <si>
    <t>Alergologia Polska- Polish Journal of Allergology</t>
  </si>
  <si>
    <t>2353-3854</t>
  </si>
  <si>
    <t>23533854</t>
  </si>
  <si>
    <t>11019</t>
  </si>
  <si>
    <t>https://www.sciencedirect.com/science/journal/23533854</t>
  </si>
  <si>
    <t>Alexandria Engineering Journal</t>
  </si>
  <si>
    <t>1110-0168</t>
  </si>
  <si>
    <t>11100168</t>
  </si>
  <si>
    <t>08731</t>
  </si>
  <si>
    <t>https://www.sciencedirect.com/science/journal/11100168</t>
  </si>
  <si>
    <t>Alexandria Journal of Medicine</t>
  </si>
  <si>
    <t>2090-5068</t>
  </si>
  <si>
    <t>20905068</t>
  </si>
  <si>
    <t>08760</t>
  </si>
  <si>
    <t>https://www.sciencedirect.com/science/journal/20905068</t>
  </si>
  <si>
    <t>Allergologia et Immunopathologia</t>
  </si>
  <si>
    <t>0301-0546</t>
  </si>
  <si>
    <t>03010546</t>
  </si>
  <si>
    <t>15754</t>
  </si>
  <si>
    <t>Transferred to Codon Publication as of 2021</t>
  </si>
  <si>
    <t>https://www.sciencedirect.com/science/journal/03010546</t>
  </si>
  <si>
    <t>Allergology International</t>
  </si>
  <si>
    <t>1323-8930</t>
  </si>
  <si>
    <t>13238930</t>
  </si>
  <si>
    <t>18067</t>
  </si>
  <si>
    <t>https://www.sciencedirect.com/science/journal/13238930</t>
  </si>
  <si>
    <t>Allergy Medicine</t>
  </si>
  <si>
    <t>2949-9135</t>
  </si>
  <si>
    <t>29499135</t>
  </si>
  <si>
    <t>31831</t>
  </si>
  <si>
    <t>https://www.sciencedirect.com/science/journal/29499135</t>
  </si>
  <si>
    <t>Alpha Omegan</t>
  </si>
  <si>
    <t>0002-6417</t>
  </si>
  <si>
    <t>00026417</t>
  </si>
  <si>
    <t>14026</t>
  </si>
  <si>
    <t>Transferred to Mediconcept as of 2011</t>
  </si>
  <si>
    <t>https://www.sciencedirect.com/science/journal/00026417</t>
  </si>
  <si>
    <t>Alter</t>
  </si>
  <si>
    <t>1875-0672</t>
  </si>
  <si>
    <t>18750672</t>
  </si>
  <si>
    <t>15851</t>
  </si>
  <si>
    <t>Transferred back to Society as of 2022</t>
  </si>
  <si>
    <t>https://www.sciencedirect.com/science/journal/18750672</t>
  </si>
  <si>
    <t>Alzheimer's &amp; Dementia</t>
  </si>
  <si>
    <t>1552-5260</t>
  </si>
  <si>
    <t>15525260</t>
  </si>
  <si>
    <t>13371</t>
  </si>
  <si>
    <t>Transferred to Wiley as of 2020</t>
  </si>
  <si>
    <t>https://www.sciencedirect.com/science/journal/15525260</t>
  </si>
  <si>
    <t>Alzheimer's &amp; Dementia: Diagnosis, Assessment &amp; Disease Monitoring</t>
  </si>
  <si>
    <t>2352-8729</t>
  </si>
  <si>
    <t>23528729</t>
  </si>
  <si>
    <t>18833</t>
  </si>
  <si>
    <t>https://www.sciencedirect.com/science/journal/23528729</t>
  </si>
  <si>
    <t>Alzheimer's &amp; Dementia: Translational Research &amp; Clinical Interventions</t>
  </si>
  <si>
    <t>2352-8737</t>
  </si>
  <si>
    <t>23528737</t>
  </si>
  <si>
    <t>18834</t>
  </si>
  <si>
    <t>https://www.sciencedirect.com/science/journal/23528737</t>
  </si>
  <si>
    <t>Ambulatory Surgery</t>
  </si>
  <si>
    <t>0966-6532</t>
  </si>
  <si>
    <t>09666532</t>
  </si>
  <si>
    <t>03000</t>
  </si>
  <si>
    <t>Transferred to Sage Publications as of 2007</t>
  </si>
  <si>
    <t>https://www.sciencedirect.com/science/journal/09666532</t>
  </si>
  <si>
    <t>American Heart Journal Plus: Cardiology Research and Practice</t>
  </si>
  <si>
    <t>2666-6022</t>
  </si>
  <si>
    <t>26666022</t>
  </si>
  <si>
    <t>30359</t>
  </si>
  <si>
    <t>https://www.sciencedirect.com/science/journal/26666022</t>
  </si>
  <si>
    <t>American Journal of Contact Dermatitis</t>
  </si>
  <si>
    <t>1046-199X</t>
  </si>
  <si>
    <t>1046199X</t>
  </si>
  <si>
    <t>13291</t>
  </si>
  <si>
    <t>Transferred to BC Decker as of 2003</t>
  </si>
  <si>
    <t>https://www.sciencedirect.com/science/journal/1046199X</t>
  </si>
  <si>
    <t>The American Journal of Evaluation</t>
  </si>
  <si>
    <t>1098-2140</t>
  </si>
  <si>
    <t>10982140</t>
  </si>
  <si>
    <t>07405</t>
  </si>
  <si>
    <t>Formerly known as Evaluation Practice; transferred to Sage Publications as of 2005</t>
  </si>
  <si>
    <t>https://www.sciencedirect.com/science/journal/10982140</t>
  </si>
  <si>
    <t>The American Journal of Gastroenterology</t>
  </si>
  <si>
    <t>0002-9270</t>
  </si>
  <si>
    <t>00029270</t>
  </si>
  <si>
    <t>07581</t>
  </si>
  <si>
    <t>Transferred to Blackwell as of 2004</t>
  </si>
  <si>
    <t>https://www.sciencedirect.com/science/journal/00029270</t>
  </si>
  <si>
    <t>The American Journal of Geriatric Psychiatry: Open Science, Education, and Practice</t>
  </si>
  <si>
    <t>2950-3868</t>
  </si>
  <si>
    <t>29503868</t>
  </si>
  <si>
    <t>31781</t>
  </si>
  <si>
    <t>https://www.sciencedirect.com/science/journal/29503868</t>
  </si>
  <si>
    <t>American Journal of Hypertension</t>
  </si>
  <si>
    <t>0895-7061</t>
  </si>
  <si>
    <t>08957061</t>
  </si>
  <si>
    <t>07605</t>
  </si>
  <si>
    <t>Transferred to Nature as of 2008</t>
  </si>
  <si>
    <t>https://www.sciencedirect.com/science/journal/08957061</t>
  </si>
  <si>
    <t>American Journal of Medicine Open</t>
  </si>
  <si>
    <t>2667-0364</t>
  </si>
  <si>
    <t>26670364</t>
  </si>
  <si>
    <t>31087</t>
  </si>
  <si>
    <t>https://www.sciencedirect.com/science/journal/26670364</t>
  </si>
  <si>
    <t>American Journal of Ophthalmology Case Reports</t>
  </si>
  <si>
    <t>2451-9936</t>
  </si>
  <si>
    <t>24519936</t>
  </si>
  <si>
    <t>18854</t>
  </si>
  <si>
    <t>https://www.sciencedirect.com/science/journal/24519936</t>
  </si>
  <si>
    <t>American Journal of Preventive Cardiology</t>
  </si>
  <si>
    <t>2666-6677</t>
  </si>
  <si>
    <t>26666677</t>
  </si>
  <si>
    <t>30413</t>
  </si>
  <si>
    <t>https://www.sciencedirect.com/science/journal/26666677</t>
  </si>
  <si>
    <t>Ampersand</t>
  </si>
  <si>
    <t>2215-0390</t>
  </si>
  <si>
    <t>22150390</t>
  </si>
  <si>
    <t>10185</t>
  </si>
  <si>
    <t>https://www.sciencedirect.com/science/journal/22150390</t>
  </si>
  <si>
    <t>Anais Brasileiros de Dermatologia</t>
  </si>
  <si>
    <t>0365-0596</t>
  </si>
  <si>
    <t>03650596</t>
  </si>
  <si>
    <t>30273</t>
  </si>
  <si>
    <t>https://www.sciencedirect.com/science/journal/03650596</t>
  </si>
  <si>
    <t>Anales de Antropología</t>
  </si>
  <si>
    <t>0185-1225</t>
  </si>
  <si>
    <t>01851225</t>
  </si>
  <si>
    <t>16850</t>
  </si>
  <si>
    <t>https://www.sciencedirect.com/science/journal/01851225</t>
  </si>
  <si>
    <t>Anales de Pediatría</t>
  </si>
  <si>
    <t>1695-4033</t>
  </si>
  <si>
    <t>16954033</t>
  </si>
  <si>
    <t>15711</t>
  </si>
  <si>
    <t>https://www.sciencedirect.com/science/journal/16954033</t>
  </si>
  <si>
    <t>Anales de Pediatría (English Edition)</t>
  </si>
  <si>
    <t>2341-2879</t>
  </si>
  <si>
    <t>23412879</t>
  </si>
  <si>
    <t>16353</t>
  </si>
  <si>
    <t>https://www.sciencedirect.com/science/journal/23412879</t>
  </si>
  <si>
    <t>Analytica Chimica Acta: X</t>
  </si>
  <si>
    <t>2590-1346</t>
  </si>
  <si>
    <t>25901346</t>
  </si>
  <si>
    <t>18459</t>
  </si>
  <si>
    <t>https://www.sciencedirect.com/science/journal/25901346</t>
  </si>
  <si>
    <t>Analytical Chemistry Research</t>
  </si>
  <si>
    <t>2214-1812</t>
  </si>
  <si>
    <t>22141812</t>
  </si>
  <si>
    <t>18025</t>
  </si>
  <si>
    <t>Title discontinued as of 2018</t>
  </si>
  <si>
    <t>https://www.sciencedirect.com/science/journal/22141812</t>
  </si>
  <si>
    <t>Angiología</t>
  </si>
  <si>
    <t>0003-3170</t>
  </si>
  <si>
    <t>00033170</t>
  </si>
  <si>
    <t>15767</t>
  </si>
  <si>
    <t>Transferred to Arán Ediciones as of 2019</t>
  </si>
  <si>
    <t>https://www.sciencedirect.com/science/journal/00033170</t>
  </si>
  <si>
    <t>Angiologia e Cirurgia Vascular</t>
  </si>
  <si>
    <t>1646-706X</t>
  </si>
  <si>
    <t>1646706X</t>
  </si>
  <si>
    <t>16823</t>
  </si>
  <si>
    <t>https://www.sciencedirect.com/science/journal/1646706X</t>
  </si>
  <si>
    <t>Animal</t>
  </si>
  <si>
    <t>1751-7311</t>
  </si>
  <si>
    <t>17517311</t>
  </si>
  <si>
    <t>31050</t>
  </si>
  <si>
    <t>https://www.sciencedirect.com/science/journal/17517311</t>
  </si>
  <si>
    <t>Animal Nutrition</t>
  </si>
  <si>
    <t>2405-6545</t>
  </si>
  <si>
    <t>24056545</t>
  </si>
  <si>
    <t>18174</t>
  </si>
  <si>
    <t>https://www.sciencedirect.com/science/journal/24056545</t>
  </si>
  <si>
    <t>Animal - Open Space</t>
  </si>
  <si>
    <t>2772-6940</t>
  </si>
  <si>
    <t>27726940</t>
  </si>
  <si>
    <t>31316</t>
  </si>
  <si>
    <t>https://www.sciencedirect.com/science/journal/27726940</t>
  </si>
  <si>
    <t>Animals and Zoonoses</t>
  </si>
  <si>
    <t>2950-2489</t>
  </si>
  <si>
    <t>29502489</t>
  </si>
  <si>
    <t>31675</t>
  </si>
  <si>
    <t>https://www.sciencedirect.com/science/journal/29502489</t>
  </si>
  <si>
    <t>Annales de Chimie Science des Matériaux</t>
  </si>
  <si>
    <t>0151-9107</t>
  </si>
  <si>
    <t>01519107</t>
  </si>
  <si>
    <t>09003</t>
  </si>
  <si>
    <t>Transferred to Lavoisier as of 2004</t>
  </si>
  <si>
    <t>https://www.sciencedirect.com/science/journal/01519107</t>
  </si>
  <si>
    <t>Annales de l'Institut Henri Poincare (B) Probability and Statistics</t>
  </si>
  <si>
    <t>0246-0203</t>
  </si>
  <si>
    <t>02460203</t>
  </si>
  <si>
    <t>09005</t>
  </si>
  <si>
    <t>Transferred to the Institute of Mathematical Statistics as of 2008</t>
  </si>
  <si>
    <t>https://www.sciencedirect.com/science/journal/02460203</t>
  </si>
  <si>
    <t>Annales de l'Institut Henri Poincaré C, Analyse non linéaire</t>
  </si>
  <si>
    <t>0294-1449</t>
  </si>
  <si>
    <t>02941449</t>
  </si>
  <si>
    <t>09006</t>
  </si>
  <si>
    <t>Transferred back to society as of 2022</t>
  </si>
  <si>
    <t>https://www.sciencedirect.com/science/journal/02941449</t>
  </si>
  <si>
    <t>Annales Scientifiques de l'école Normale Supérieure</t>
  </si>
  <si>
    <t>0012-9593</t>
  </si>
  <si>
    <t>00129593</t>
  </si>
  <si>
    <t>09012</t>
  </si>
  <si>
    <t>Transferred to the Societé Mathematique de France as of 2008</t>
  </si>
  <si>
    <t>https://www.sciencedirect.com/science/journal/00129593</t>
  </si>
  <si>
    <t>Annals of 3D Printed Medicine</t>
  </si>
  <si>
    <t>2666-9641</t>
  </si>
  <si>
    <t>26669641</t>
  </si>
  <si>
    <t>31043</t>
  </si>
  <si>
    <t>https://www.sciencedirect.com/science/journal/26669641</t>
  </si>
  <si>
    <t>Annals of Agrarian Science</t>
  </si>
  <si>
    <t>1512-1887</t>
  </si>
  <si>
    <t>15121887</t>
  </si>
  <si>
    <t>18295</t>
  </si>
  <si>
    <t>https://www.sciencedirect.com/science/journal/15121887</t>
  </si>
  <si>
    <t>Annals of Agricultural Sciences</t>
  </si>
  <si>
    <t>0570-1783</t>
  </si>
  <si>
    <t>05701783</t>
  </si>
  <si>
    <t>08778</t>
  </si>
  <si>
    <t>https://www.sciencedirect.com/science/journal/05701783</t>
  </si>
  <si>
    <t>Annals of Botany</t>
  </si>
  <si>
    <t>0305-7364</t>
  </si>
  <si>
    <t>03057364</t>
  </si>
  <si>
    <t>12644</t>
  </si>
  <si>
    <t>Transferred to Oxford University Press as of 2001</t>
  </si>
  <si>
    <t>https://www.sciencedirect.com/science/journal/03057364</t>
  </si>
  <si>
    <t>Annals of Global Health</t>
  </si>
  <si>
    <t>2214-9996</t>
  </si>
  <si>
    <t>22149996</t>
  </si>
  <si>
    <t>14192</t>
  </si>
  <si>
    <t>https://www.sciencedirect.com/science/journal/22149996</t>
  </si>
  <si>
    <t>Annals of Hepatology</t>
  </si>
  <si>
    <t>1665-2681</t>
  </si>
  <si>
    <t>16652681</t>
  </si>
  <si>
    <t>30153</t>
  </si>
  <si>
    <t>https://www.sciencedirect.com/science/journal/16652681</t>
  </si>
  <si>
    <t>Annals of the ICRP</t>
  </si>
  <si>
    <t>0146-6453</t>
  </si>
  <si>
    <t>01466453</t>
  </si>
  <si>
    <t>00442</t>
  </si>
  <si>
    <t>Formerly known as Annals of the ICRP/ICRP Publication; Transferred to Sage Publications as of 2014</t>
  </si>
  <si>
    <t>https://www.sciencedirect.com/science/journal/01466453</t>
  </si>
  <si>
    <t>Annals of the ICRP/ICRP Publication</t>
  </si>
  <si>
    <t>0074-2740</t>
  </si>
  <si>
    <t>00742740</t>
  </si>
  <si>
    <t>Continued as Annals of the ICRP</t>
  </si>
  <si>
    <t>https://www.sciencedirect.com/science/journal/00742740</t>
  </si>
  <si>
    <t>Annals of Mathematical Logic</t>
  </si>
  <si>
    <t>0003-4843</t>
  </si>
  <si>
    <t>00034843</t>
  </si>
  <si>
    <t>05253</t>
  </si>
  <si>
    <t>Continued as Annals of Pure and Applied Logic</t>
  </si>
  <si>
    <t>https://www.sciencedirect.com/science/journal/00034843</t>
  </si>
  <si>
    <t>Annals of Medicine and Surgery</t>
  </si>
  <si>
    <t>2049-0801</t>
  </si>
  <si>
    <t>20490801</t>
  </si>
  <si>
    <t>17038</t>
  </si>
  <si>
    <t>https://www.sciencedirect.com/science/journal/20490801</t>
  </si>
  <si>
    <t>The Annals of Occupational Hygiene</t>
  </si>
  <si>
    <t>0003-4878</t>
  </si>
  <si>
    <t>00034878</t>
  </si>
  <si>
    <t>00201</t>
  </si>
  <si>
    <t>Transferred to Oxford University Press as of 2002</t>
  </si>
  <si>
    <t>https://www.sciencedirect.com/science/journal/00034878</t>
  </si>
  <si>
    <t>Annals of Thoracic Surgery Short Reports</t>
  </si>
  <si>
    <t>2772-9931</t>
  </si>
  <si>
    <t>27729931</t>
  </si>
  <si>
    <t>31358</t>
  </si>
  <si>
    <t>https://www.sciencedirect.com/science/journal/27729931</t>
  </si>
  <si>
    <t>Annals of Tourism Research Empirical Insights</t>
  </si>
  <si>
    <t>2666-9579</t>
  </si>
  <si>
    <t>26669579</t>
  </si>
  <si>
    <t>31042</t>
  </si>
  <si>
    <t>https://www.sciencedirect.com/science/journal/26669579</t>
  </si>
  <si>
    <t>Annals of Vascular Surgery - Brief Reports and Innovations</t>
  </si>
  <si>
    <t>2772-6878</t>
  </si>
  <si>
    <t>27726878</t>
  </si>
  <si>
    <t>31305</t>
  </si>
  <si>
    <t>https://www.sciencedirect.com/science/journal/27726878</t>
  </si>
  <si>
    <t>Ansiedad y Estrés</t>
  </si>
  <si>
    <t>1134-7937</t>
  </si>
  <si>
    <t>11347937</t>
  </si>
  <si>
    <t>16432</t>
  </si>
  <si>
    <t>Transferred to the society as of 2021</t>
  </si>
  <si>
    <t>https://www.sciencedirect.com/science/journal/11347937</t>
  </si>
  <si>
    <t>Anuario Mexicano de Derecho Internacional</t>
  </si>
  <si>
    <t>1870-4654</t>
  </si>
  <si>
    <t>18704654</t>
  </si>
  <si>
    <t>16856</t>
  </si>
  <si>
    <t>https://www.sciencedirect.com/science/journal/18704654</t>
  </si>
  <si>
    <t>Anuario de Psicología</t>
  </si>
  <si>
    <t>0066-5126</t>
  </si>
  <si>
    <t>00665126</t>
  </si>
  <si>
    <t>16433</t>
  </si>
  <si>
    <t>https://www.sciencedirect.com/science/journal/00665126</t>
  </si>
  <si>
    <t>Anuario de Psicología Jurídica</t>
  </si>
  <si>
    <t>1133-0740</t>
  </si>
  <si>
    <t>11330740</t>
  </si>
  <si>
    <t>15829</t>
  </si>
  <si>
    <t>https://www.sciencedirect.com/science/journal/11330740</t>
  </si>
  <si>
    <t>AORN Journal</t>
  </si>
  <si>
    <t>0001-2092</t>
  </si>
  <si>
    <t>00012092</t>
  </si>
  <si>
    <t>14032</t>
  </si>
  <si>
    <t>Transferred to Wiley as of 2018</t>
  </si>
  <si>
    <t>https://www.sciencedirect.com/science/journal/00012092</t>
  </si>
  <si>
    <t>APCBEE Procedia</t>
  </si>
  <si>
    <t>2212-6708</t>
  </si>
  <si>
    <t>22126708</t>
  </si>
  <si>
    <t>08815</t>
  </si>
  <si>
    <t>https://www.sciencedirect.com/science/journal/22126708</t>
  </si>
  <si>
    <t>Apollo Medicine</t>
  </si>
  <si>
    <t>0976-0016</t>
  </si>
  <si>
    <t>09760016</t>
  </si>
  <si>
    <t>10091</t>
  </si>
  <si>
    <t>Transferred to Medknow as of 2018</t>
  </si>
  <si>
    <t>https://www.sciencedirect.com/science/journal/09760016</t>
  </si>
  <si>
    <t>Applications in Energy and Combustion Science</t>
  </si>
  <si>
    <t>2666-352X</t>
  </si>
  <si>
    <t>2666352X</t>
  </si>
  <si>
    <t>30299</t>
  </si>
  <si>
    <t>https://www.sciencedirect.com/science/journal/2666352X</t>
  </si>
  <si>
    <t>Applications in Engineering Science</t>
  </si>
  <si>
    <t>2666-4968</t>
  </si>
  <si>
    <t>26664968</t>
  </si>
  <si>
    <t>30329</t>
  </si>
  <si>
    <t>https://www.sciencedirect.com/science/journal/26664968</t>
  </si>
  <si>
    <t>Applied Catalysis O: Open</t>
  </si>
  <si>
    <t>2950-6484</t>
  </si>
  <si>
    <t>29506484</t>
  </si>
  <si>
    <t>05570</t>
  </si>
  <si>
    <t>https://www.sciencedirect.com/science/journal/29506484</t>
  </si>
  <si>
    <t>Applied Computing and Geosciences</t>
  </si>
  <si>
    <t>2590-1974</t>
  </si>
  <si>
    <t>25901974</t>
  </si>
  <si>
    <t>30101</t>
  </si>
  <si>
    <t>https://www.sciencedirect.com/science/journal/25901974</t>
  </si>
  <si>
    <t>Applied Computing and Informatics</t>
  </si>
  <si>
    <t>2210-8327</t>
  </si>
  <si>
    <t>22108327</t>
  </si>
  <si>
    <t>08742</t>
  </si>
  <si>
    <t>https://www.sciencedirect.com/science/journal/22108327</t>
  </si>
  <si>
    <t>Applied Food Research</t>
  </si>
  <si>
    <t>2772-5022</t>
  </si>
  <si>
    <t>27725022</t>
  </si>
  <si>
    <t>31254</t>
  </si>
  <si>
    <t>https://www.sciencedirect.com/science/journal/27725022</t>
  </si>
  <si>
    <t>Applied Surface Science Advances</t>
  </si>
  <si>
    <t>2666-5239</t>
  </si>
  <si>
    <t>26665239</t>
  </si>
  <si>
    <t>30346</t>
  </si>
  <si>
    <t>https://www.sciencedirect.com/science/journal/26665239</t>
  </si>
  <si>
    <t>Applied &amp; Translational Genomics</t>
  </si>
  <si>
    <t>2212-0661</t>
  </si>
  <si>
    <t>22120661</t>
  </si>
  <si>
    <t>08798</t>
  </si>
  <si>
    <t>https://www.sciencedirect.com/science/journal/22120661</t>
  </si>
  <si>
    <t>Aquaculture and Fisheries</t>
  </si>
  <si>
    <t>2468-550X</t>
  </si>
  <si>
    <t>2468550X</t>
  </si>
  <si>
    <t>18365</t>
  </si>
  <si>
    <t>https://www.sciencedirect.com/science/journal/2468550X</t>
  </si>
  <si>
    <t>Aquaculture Reports</t>
  </si>
  <si>
    <t>2352-5134</t>
  </si>
  <si>
    <t>23525134</t>
  </si>
  <si>
    <t>18081</t>
  </si>
  <si>
    <t>https://www.sciencedirect.com/science/journal/23525134</t>
  </si>
  <si>
    <t>Aquatic Ecosystem Health and Management</t>
  </si>
  <si>
    <t>1463-4988</t>
  </si>
  <si>
    <t>14634988</t>
  </si>
  <si>
    <t>01032</t>
  </si>
  <si>
    <t>Transferred to Taylor &amp; Francis as of 2001</t>
  </si>
  <si>
    <t>https://www.sciencedirect.com/science/journal/14634988</t>
  </si>
  <si>
    <t>Aquatic Living Resources</t>
  </si>
  <si>
    <t>0990-7440</t>
  </si>
  <si>
    <t>09907440</t>
  </si>
  <si>
    <t>09013</t>
  </si>
  <si>
    <t>Transferred to EDP Sciences as of 2004</t>
  </si>
  <si>
    <t>https://www.sciencedirect.com/science/journal/09907440</t>
  </si>
  <si>
    <t>Aquatic Procedia</t>
  </si>
  <si>
    <t>2214-241X</t>
  </si>
  <si>
    <t>2214241X</t>
  </si>
  <si>
    <t>18024</t>
  </si>
  <si>
    <t>https://www.sciencedirect.com/science/journal/2214241X</t>
  </si>
  <si>
    <t>Arab Economic and Business Journal</t>
  </si>
  <si>
    <t>2214-4625</t>
  </si>
  <si>
    <t>22144625</t>
  </si>
  <si>
    <t>17023</t>
  </si>
  <si>
    <t>https://www.sciencedirect.com/science/journal/22144625</t>
  </si>
  <si>
    <t>Arab Journal of Mathematical Sciences</t>
  </si>
  <si>
    <t>1319-5166</t>
  </si>
  <si>
    <t>13195166</t>
  </si>
  <si>
    <t>08748</t>
  </si>
  <si>
    <t>https://www.sciencedirect.com/science/journal/13195166</t>
  </si>
  <si>
    <t>Arab Journal of Urology</t>
  </si>
  <si>
    <t>2090-598X</t>
  </si>
  <si>
    <t>2090598X</t>
  </si>
  <si>
    <t>08763</t>
  </si>
  <si>
    <t>https://www.sciencedirect.com/science/journal/2090598X</t>
  </si>
  <si>
    <t>Arabian Journal of Chemistry</t>
  </si>
  <si>
    <t>1878-5352</t>
  </si>
  <si>
    <t>18785352</t>
  </si>
  <si>
    <t>08695</t>
  </si>
  <si>
    <t>https://www.sciencedirect.com/science/journal/18785352</t>
  </si>
  <si>
    <t>Archaeology, Ethnology and Anthropology of Eurasia</t>
  </si>
  <si>
    <t>1563-0110</t>
  </si>
  <si>
    <t>15630110</t>
  </si>
  <si>
    <t>08638</t>
  </si>
  <si>
    <t>https://www.sciencedirect.com/science/journal/15630110</t>
  </si>
  <si>
    <t>Archives of Civil and Mechanical Engineering</t>
  </si>
  <si>
    <t>1644-9665</t>
  </si>
  <si>
    <t>16449665</t>
  </si>
  <si>
    <t>11005</t>
  </si>
  <si>
    <t>Transferred to Springer Nature as of 2020</t>
  </si>
  <si>
    <t>https://www.sciencedirect.com/science/journal/16449665</t>
  </si>
  <si>
    <t>Archives of Clinical Neuropsychology</t>
  </si>
  <si>
    <t>0887-6177</t>
  </si>
  <si>
    <t>08876177</t>
  </si>
  <si>
    <t>00802</t>
  </si>
  <si>
    <t>Transferred to Oxford University Press as of 2009</t>
  </si>
  <si>
    <t>https://www.sciencedirect.com/science/journal/08876177</t>
  </si>
  <si>
    <t>Archives of Rehabilitation Research and Clinical Translation</t>
  </si>
  <si>
    <t>2590-1095</t>
  </si>
  <si>
    <t>25901095</t>
  </si>
  <si>
    <t>30062</t>
  </si>
  <si>
    <t>https://www.sciencedirect.com/science/journal/25901095</t>
  </si>
  <si>
    <t>Array</t>
  </si>
  <si>
    <t>2590-0056</t>
  </si>
  <si>
    <t>25900056</t>
  </si>
  <si>
    <t>30002</t>
  </si>
  <si>
    <t>https://www.sciencedirect.com/science/journal/25900056</t>
  </si>
  <si>
    <t>Artery Research</t>
  </si>
  <si>
    <t>1872-9312</t>
  </si>
  <si>
    <t>18729312</t>
  </si>
  <si>
    <t>06071</t>
  </si>
  <si>
    <t>Title no longer available on ScienceDirect as of 2019</t>
  </si>
  <si>
    <t>https://www.sciencedirect.com/science/journal/18729312</t>
  </si>
  <si>
    <t>Arthroplasty Today</t>
  </si>
  <si>
    <t>2352-3441</t>
  </si>
  <si>
    <t>23523441</t>
  </si>
  <si>
    <t>18761</t>
  </si>
  <si>
    <t>https://www.sciencedirect.com/science/journal/23523441</t>
  </si>
  <si>
    <t>Arthroscopy: the Journal of Arthroscopic &amp; Related Surgery</t>
  </si>
  <si>
    <t>0749-8063</t>
  </si>
  <si>
    <t>07498063</t>
  </si>
  <si>
    <t>13049</t>
  </si>
  <si>
    <t>https://www.sciencedirect.com/science/journal/07498063</t>
  </si>
  <si>
    <t>Arthroscopy, Sports Medicine, and Rehabilitation</t>
  </si>
  <si>
    <t>2666-061X</t>
  </si>
  <si>
    <t>2666061X</t>
  </si>
  <si>
    <t>30180</t>
  </si>
  <si>
    <t>https://www.sciencedirect.com/science/journal/2666061X</t>
  </si>
  <si>
    <t>Arthroscopy Techniques</t>
  </si>
  <si>
    <t>2212-6287</t>
  </si>
  <si>
    <t>22126287</t>
  </si>
  <si>
    <t>14121</t>
  </si>
  <si>
    <t>https://www.sciencedirect.com/science/journal/22126287</t>
  </si>
  <si>
    <t>Artificial Intelligence in Agriculture</t>
  </si>
  <si>
    <t>2589-7217</t>
  </si>
  <si>
    <t>25897217</t>
  </si>
  <si>
    <t>18439</t>
  </si>
  <si>
    <t>https://www.sciencedirect.com/science/journal/25897217</t>
  </si>
  <si>
    <t>Artificial Intelligence Chemistry</t>
  </si>
  <si>
    <t>2949-7477</t>
  </si>
  <si>
    <t>29497477</t>
  </si>
  <si>
    <t>31505</t>
  </si>
  <si>
    <t>https://www.sciencedirect.com/science/journal/29497477</t>
  </si>
  <si>
    <t>Artificial Intelligence in Emergency Medicine</t>
  </si>
  <si>
    <t>3051-2883</t>
  </si>
  <si>
    <t>30512883</t>
  </si>
  <si>
    <t>32204</t>
  </si>
  <si>
    <t>https://www.sciencedirect.com/science/journal/30512883</t>
  </si>
  <si>
    <t>Artificial Intelligence in Geosciences</t>
  </si>
  <si>
    <t>2666-5441</t>
  </si>
  <si>
    <t>26665441</t>
  </si>
  <si>
    <t>30365</t>
  </si>
  <si>
    <t>https://www.sciencedirect.com/science/journal/26665441</t>
  </si>
  <si>
    <t>Artificial Intelligence in the Life Sciences</t>
  </si>
  <si>
    <t>2667-3185</t>
  </si>
  <si>
    <t>26673185</t>
  </si>
  <si>
    <t>31151</t>
  </si>
  <si>
    <t>https://www.sciencedirect.com/science/journal/26673185</t>
  </si>
  <si>
    <t>Asia and the Global Economy</t>
  </si>
  <si>
    <t>2667-1115</t>
  </si>
  <si>
    <t>26671115</t>
  </si>
  <si>
    <t>31121</t>
  </si>
  <si>
    <t>https://www.sciencedirect.com/science/journal/26671115</t>
  </si>
  <si>
    <t>Asia-Pacific Journal of Ophthalmology</t>
  </si>
  <si>
    <t>2162-0989</t>
  </si>
  <si>
    <t>21620989</t>
  </si>
  <si>
    <t>31715</t>
  </si>
  <si>
    <t>https://www.sciencedirect.com/science/journal/21620989</t>
  </si>
  <si>
    <t>Asia-Pacific Journal of Sports Medicine, Arthroscopy, Rehabilitation and Technology</t>
  </si>
  <si>
    <t>2214-6873</t>
  </si>
  <si>
    <t>22146873</t>
  </si>
  <si>
    <t>17054</t>
  </si>
  <si>
    <t>https://www.sciencedirect.com/science/journal/22146873</t>
  </si>
  <si>
    <t>Asia Pacific Management Review</t>
  </si>
  <si>
    <t>1029-3132</t>
  </si>
  <si>
    <t>10293132</t>
  </si>
  <si>
    <t>18163</t>
  </si>
  <si>
    <t>https://www.sciencedirect.com/science/journal/10293132</t>
  </si>
  <si>
    <t>Asian Journal of Anesthesiology</t>
  </si>
  <si>
    <t>2468-824X</t>
  </si>
  <si>
    <t>2468824X</t>
  </si>
  <si>
    <t>Formerly known as Acta Anaesthesiologica Taiwanica; Transferred back to the society as of 2018</t>
  </si>
  <si>
    <t>https://www.sciencedirect.com/science/journal/2468824X</t>
  </si>
  <si>
    <t>Asian Journal of Pharmaceutical Sciences</t>
  </si>
  <si>
    <t>1818-0876</t>
  </si>
  <si>
    <t>18180876</t>
  </si>
  <si>
    <t>17033</t>
  </si>
  <si>
    <t>https://www.sciencedirect.com/science/journal/18180876</t>
  </si>
  <si>
    <t>The Asian Journal of Shipping and Logistics</t>
  </si>
  <si>
    <t>2092-5212</t>
  </si>
  <si>
    <t>20925212</t>
  </si>
  <si>
    <t>10107</t>
  </si>
  <si>
    <t>https://www.sciencedirect.com/science/journal/20925212</t>
  </si>
  <si>
    <t>Asian Journal of Sport and Exercise Psychology</t>
  </si>
  <si>
    <t>2667-2391</t>
  </si>
  <si>
    <t>26672391</t>
  </si>
  <si>
    <t>31147</t>
  </si>
  <si>
    <t>https://www.sciencedirect.com/science/journal/26672391</t>
  </si>
  <si>
    <t>Asian Journal of Urology</t>
  </si>
  <si>
    <t>2214-3882</t>
  </si>
  <si>
    <t>22143882</t>
  </si>
  <si>
    <t>18154</t>
  </si>
  <si>
    <t>https://www.sciencedirect.com/science/journal/22143882</t>
  </si>
  <si>
    <t>Asian Nursing Research</t>
  </si>
  <si>
    <t>1976-1317</t>
  </si>
  <si>
    <t>19761317</t>
  </si>
  <si>
    <t>08651</t>
  </si>
  <si>
    <t>https://www.sciencedirect.com/science/journal/19761317</t>
  </si>
  <si>
    <t>Asian Pacific Journal of Reproduction</t>
  </si>
  <si>
    <t>2305-0500</t>
  </si>
  <si>
    <t>23050500</t>
  </si>
  <si>
    <t>10178</t>
  </si>
  <si>
    <t>https://www.sciencedirect.com/science/journal/23050500</t>
  </si>
  <si>
    <t>Asian Pacific Journal of Tropical Biomedicine</t>
  </si>
  <si>
    <t>2221-1691</t>
  </si>
  <si>
    <t>22211691</t>
  </si>
  <si>
    <t>08780</t>
  </si>
  <si>
    <t>https://www.sciencedirect.com/science/journal/22211691</t>
  </si>
  <si>
    <t>Asian Pacific Journal of Tropical Disease</t>
  </si>
  <si>
    <t>2222-1808</t>
  </si>
  <si>
    <t>22221808</t>
  </si>
  <si>
    <t>10087</t>
  </si>
  <si>
    <t>https://www.sciencedirect.com/science/journal/22221808</t>
  </si>
  <si>
    <t>Asian Pacific Journal of Tropical Medicine</t>
  </si>
  <si>
    <t>1995-7645</t>
  </si>
  <si>
    <t>19957645</t>
  </si>
  <si>
    <t>08705</t>
  </si>
  <si>
    <t>https://www.sciencedirect.com/science/journal/19957645</t>
  </si>
  <si>
    <t>Asian Transport Studies</t>
  </si>
  <si>
    <t>2185-5560</t>
  </si>
  <si>
    <t>21855560</t>
  </si>
  <si>
    <t>30420</t>
  </si>
  <si>
    <t>https://www.sciencedirect.com/science/journal/21855560</t>
  </si>
  <si>
    <t>Aspects of Molecular Medicine</t>
  </si>
  <si>
    <t>2949-6888</t>
  </si>
  <si>
    <t>29496888</t>
  </si>
  <si>
    <t>31472</t>
  </si>
  <si>
    <t>https://www.sciencedirect.com/science/journal/29496888</t>
  </si>
  <si>
    <t>ASPET Discovery</t>
  </si>
  <si>
    <t>3050-5674</t>
  </si>
  <si>
    <t>30505674</t>
  </si>
  <si>
    <t>32020</t>
  </si>
  <si>
    <t>https://www.sciencedirect.com/science/journal/30505674</t>
  </si>
  <si>
    <t>Atención Familiar</t>
  </si>
  <si>
    <t>1405-8871</t>
  </si>
  <si>
    <t>14058871</t>
  </si>
  <si>
    <t>16423</t>
  </si>
  <si>
    <t>https://www.sciencedirect.com/science/journal/14058871</t>
  </si>
  <si>
    <t>Atención Primaria</t>
  </si>
  <si>
    <t>0212-6567</t>
  </si>
  <si>
    <t>02126567</t>
  </si>
  <si>
    <t>15721</t>
  </si>
  <si>
    <t>https://www.sciencedirect.com/science/journal/02126567</t>
  </si>
  <si>
    <t>Atención Primaria Práctica</t>
  </si>
  <si>
    <t>2605-0730</t>
  </si>
  <si>
    <t>26050730</t>
  </si>
  <si>
    <t>16460</t>
  </si>
  <si>
    <t>Discontinued as of 2025</t>
  </si>
  <si>
    <t>https://www.sciencedirect.com/science/journal/26050730</t>
  </si>
  <si>
    <t>Atherosclerosis Plus</t>
  </si>
  <si>
    <t>2667-0895</t>
  </si>
  <si>
    <t>26670895</t>
  </si>
  <si>
    <t>08140</t>
  </si>
  <si>
    <t>https://www.sciencedirect.com/science/journal/26670895</t>
  </si>
  <si>
    <t>Atmósfera</t>
  </si>
  <si>
    <t>0187-6236</t>
  </si>
  <si>
    <t>01876236</t>
  </si>
  <si>
    <t>16855</t>
  </si>
  <si>
    <t>https://www.sciencedirect.com/science/journal/01876236</t>
  </si>
  <si>
    <t>Atmospheric Environment: X</t>
  </si>
  <si>
    <t>2590-1621</t>
  </si>
  <si>
    <t>25901621</t>
  </si>
  <si>
    <t>18467</t>
  </si>
  <si>
    <t>https://www.sciencedirect.com/science/journal/25901621</t>
  </si>
  <si>
    <t>Atmospheric and Oceanic Science Letters</t>
  </si>
  <si>
    <t>1674-2834</t>
  </si>
  <si>
    <t>16742834</t>
  </si>
  <si>
    <t>31135</t>
  </si>
  <si>
    <t>https://www.sciencedirect.com/science/journal/16742834</t>
  </si>
  <si>
    <t>Atmospheric Science Letters</t>
  </si>
  <si>
    <t>1530-261X</t>
  </si>
  <si>
    <t>1530261X</t>
  </si>
  <si>
    <t>12890</t>
  </si>
  <si>
    <t>Transferred to Wiley InterScience as of 2004</t>
  </si>
  <si>
    <t>https://www.sciencedirect.com/science/journal/1530261X</t>
  </si>
  <si>
    <t>Aula Abierta</t>
  </si>
  <si>
    <t>0210-2773</t>
  </si>
  <si>
    <t>02102773</t>
  </si>
  <si>
    <t>16831</t>
  </si>
  <si>
    <t>https://www.sciencedirect.com/science/journal/02102773</t>
  </si>
  <si>
    <t>Australasian Marketing Journal (AMJ)</t>
  </si>
  <si>
    <t>1441-3582</t>
  </si>
  <si>
    <t>14413582</t>
  </si>
  <si>
    <t>04120</t>
  </si>
  <si>
    <t>Transferred back to TBC Sage as of 2021</t>
  </si>
  <si>
    <t>https://www.sciencedirect.com/science/journal/14413582</t>
  </si>
  <si>
    <t>Australian Journal of Physiotherapy</t>
  </si>
  <si>
    <t>0004-9514</t>
  </si>
  <si>
    <t>00049514</t>
  </si>
  <si>
    <t>08739</t>
  </si>
  <si>
    <t>Continued as Journal of Physiotherapy</t>
  </si>
  <si>
    <t>https://www.sciencedirect.com/science/journal/00049514</t>
  </si>
  <si>
    <t>Australian and New Zealand Journal of Public Health</t>
  </si>
  <si>
    <t>1326-0200</t>
  </si>
  <si>
    <t>13260200</t>
  </si>
  <si>
    <t>31560</t>
  </si>
  <si>
    <t>https://www.sciencedirect.com/science/journal/13260200</t>
  </si>
  <si>
    <t>Autonomous Transportation Research</t>
  </si>
  <si>
    <t>3050-8622</t>
  </si>
  <si>
    <t>30508622</t>
  </si>
  <si>
    <t>32120</t>
  </si>
  <si>
    <t>https://www.sciencedirect.com/science/journal/30508622</t>
  </si>
  <si>
    <t>Avances en Diabetología</t>
  </si>
  <si>
    <t>1134-3230</t>
  </si>
  <si>
    <t>11343230</t>
  </si>
  <si>
    <t>15953</t>
  </si>
  <si>
    <t>https://www.sciencedirect.com/science/journal/11343230</t>
  </si>
  <si>
    <t>Avian Research</t>
  </si>
  <si>
    <t>2053-7166</t>
  </si>
  <si>
    <t>20537166</t>
  </si>
  <si>
    <t>31430</t>
  </si>
  <si>
    <t>https://www.sciencedirect.com/science/journal/20537166</t>
  </si>
  <si>
    <t>BBA Advances</t>
  </si>
  <si>
    <t>2667-1603</t>
  </si>
  <si>
    <t>26671603</t>
  </si>
  <si>
    <t>31111</t>
  </si>
  <si>
    <t>https://www.sciencedirect.com/science/journal/26671603</t>
  </si>
  <si>
    <t>BBA Clinical</t>
  </si>
  <si>
    <t>2214-6474</t>
  </si>
  <si>
    <t>22146474</t>
  </si>
  <si>
    <t>17045</t>
  </si>
  <si>
    <t>https://www.sciencedirect.com/science/journal/22146474</t>
  </si>
  <si>
    <t>BenchCouncil Transactions on Benchmarks, Standards and Evaluations</t>
  </si>
  <si>
    <t>2772-4859</t>
  </si>
  <si>
    <t>27724859</t>
  </si>
  <si>
    <t>31251</t>
  </si>
  <si>
    <t>https://www.sciencedirect.com/science/journal/27724859</t>
  </si>
  <si>
    <t>Beni-Suef University Journal of Basic and Applied Sciences</t>
  </si>
  <si>
    <t>2314-8535</t>
  </si>
  <si>
    <t>23148535</t>
  </si>
  <si>
    <t>18045</t>
  </si>
  <si>
    <t>Transferred to Springer Nature as of 2019</t>
  </si>
  <si>
    <t>https://www.sciencedirect.com/science/journal/23148535</t>
  </si>
  <si>
    <t>Big Data and Earth System</t>
  </si>
  <si>
    <t>3050-7405</t>
  </si>
  <si>
    <t>30507405</t>
  </si>
  <si>
    <t>32095</t>
  </si>
  <si>
    <t>https://www.sciencedirect.com/science/journal/30507405</t>
  </si>
  <si>
    <t>Bioactive Materials</t>
  </si>
  <si>
    <t>2452-199X</t>
  </si>
  <si>
    <t>2452199X</t>
  </si>
  <si>
    <t>18278</t>
  </si>
  <si>
    <t>https://www.sciencedirect.com/science/journal/2452199X</t>
  </si>
  <si>
    <t>Biochemical Education</t>
  </si>
  <si>
    <t>0307-4412</t>
  </si>
  <si>
    <t>03074412</t>
  </si>
  <si>
    <t>00604</t>
  </si>
  <si>
    <t>Continued as Biochemistry and Molecular Biology Education</t>
  </si>
  <si>
    <t>https://www.sciencedirect.com/science/journal/03074412</t>
  </si>
  <si>
    <t>Biochemistry and Biophysics Reports</t>
  </si>
  <si>
    <t>2405-5808</t>
  </si>
  <si>
    <t>24055808</t>
  </si>
  <si>
    <t>18156</t>
  </si>
  <si>
    <t>https://www.sciencedirect.com/science/journal/24055808</t>
  </si>
  <si>
    <t>Biochemistry and Molecular Biology Education</t>
  </si>
  <si>
    <t>1470-8175</t>
  </si>
  <si>
    <t>14708175</t>
  </si>
  <si>
    <t>Formerly known as Biochemical Education; transferred to Wiley as of 2002</t>
  </si>
  <si>
    <t>https://www.sciencedirect.com/science/journal/14708175</t>
  </si>
  <si>
    <t>Biochimie Open</t>
  </si>
  <si>
    <t>2214-0085</t>
  </si>
  <si>
    <t>22140085</t>
  </si>
  <si>
    <t>18107</t>
  </si>
  <si>
    <t>Title discontinued as of 2020</t>
  </si>
  <si>
    <t>https://www.sciencedirect.com/science/journal/22140085</t>
  </si>
  <si>
    <t>Bioethics Update</t>
  </si>
  <si>
    <t>2395-938X</t>
  </si>
  <si>
    <t>2395938X</t>
  </si>
  <si>
    <t>14422</t>
  </si>
  <si>
    <t>Transferred to Laura Casares Permanyer as of 2021</t>
  </si>
  <si>
    <t>https://www.sciencedirect.com/science/journal/2395938X</t>
  </si>
  <si>
    <t>Biofilm</t>
  </si>
  <si>
    <t>2590-2075</t>
  </si>
  <si>
    <t>25902075</t>
  </si>
  <si>
    <t>30094</t>
  </si>
  <si>
    <t>https://www.sciencedirect.com/science/journal/25902075</t>
  </si>
  <si>
    <t>Biogeotechnics</t>
  </si>
  <si>
    <t>2949-9291</t>
  </si>
  <si>
    <t>29499291</t>
  </si>
  <si>
    <t>31611</t>
  </si>
  <si>
    <t>https://www.sciencedirect.com/science/journal/29499291</t>
  </si>
  <si>
    <t>Biological Journal of the Linnean Society</t>
  </si>
  <si>
    <t>0024-4066</t>
  </si>
  <si>
    <t>00244066</t>
  </si>
  <si>
    <t>12620</t>
  </si>
  <si>
    <t>Transferred to Blackwell as of 2001</t>
  </si>
  <si>
    <t>https://www.sciencedirect.com/science/journal/00244066</t>
  </si>
  <si>
    <t>Biological Psychiatry Global Open Science</t>
  </si>
  <si>
    <t>2667-1743</t>
  </si>
  <si>
    <t>26671743</t>
  </si>
  <si>
    <t>31138</t>
  </si>
  <si>
    <t>https://www.sciencedirect.com/science/journal/26671743</t>
  </si>
  <si>
    <t>Biology of the Cell</t>
  </si>
  <si>
    <t>0248-4900</t>
  </si>
  <si>
    <t>02484900</t>
  </si>
  <si>
    <t>09017</t>
  </si>
  <si>
    <t>Transferred to Portland Press as of 2005</t>
  </si>
  <si>
    <t>https://www.sciencedirect.com/science/journal/02484900</t>
  </si>
  <si>
    <t>Biomarkers in Neuropsychiatry</t>
  </si>
  <si>
    <t>2666-1446</t>
  </si>
  <si>
    <t>26661446</t>
  </si>
  <si>
    <t>30236</t>
  </si>
  <si>
    <t>https://www.sciencedirect.com/science/journal/26661446</t>
  </si>
  <si>
    <t>Biomaterials and Biosystems</t>
  </si>
  <si>
    <t>2666-5344</t>
  </si>
  <si>
    <t>26665344</t>
  </si>
  <si>
    <t>30361</t>
  </si>
  <si>
    <t>https://www.sciencedirect.com/science/journal/26665344</t>
  </si>
  <si>
    <t>Biomedical Analysis</t>
  </si>
  <si>
    <t>2950-435X</t>
  </si>
  <si>
    <t>2950435X</t>
  </si>
  <si>
    <t>31778</t>
  </si>
  <si>
    <t>https://www.sciencedirect.com/science/journal/2950435X</t>
  </si>
  <si>
    <t>Biomedical Engineering Advances</t>
  </si>
  <si>
    <t>2667-0992</t>
  </si>
  <si>
    <t>26670992</t>
  </si>
  <si>
    <t>31102</t>
  </si>
  <si>
    <t>https://www.sciencedirect.com/science/journal/26670992</t>
  </si>
  <si>
    <t>Biomedical and Environmental Sciences</t>
  </si>
  <si>
    <t>0895-3988</t>
  </si>
  <si>
    <t>08953988</t>
  </si>
  <si>
    <t>06074</t>
  </si>
  <si>
    <t>https://www.sciencedirect.com/science/journal/08953988</t>
  </si>
  <si>
    <t>Biomedical Instrumentation</t>
  </si>
  <si>
    <t>3050-5372</t>
  </si>
  <si>
    <t>30505372</t>
  </si>
  <si>
    <t>32006</t>
  </si>
  <si>
    <t>https://www.sciencedirect.com/science/journal/30505372</t>
  </si>
  <si>
    <t>Biomedical Journal</t>
  </si>
  <si>
    <t>2319-4170</t>
  </si>
  <si>
    <t>23194170</t>
  </si>
  <si>
    <t>18329</t>
  </si>
  <si>
    <t>https://www.sciencedirect.com/science/journal/23194170</t>
  </si>
  <si>
    <t>Biomedical Technology</t>
  </si>
  <si>
    <t>2949-723X</t>
  </si>
  <si>
    <t>2949723X</t>
  </si>
  <si>
    <t>31495</t>
  </si>
  <si>
    <t>https://www.sciencedirect.com/science/journal/2949723X</t>
  </si>
  <si>
    <t>BioMedicine</t>
  </si>
  <si>
    <t>2211-8020</t>
  </si>
  <si>
    <t>22118020</t>
  </si>
  <si>
    <t>08787</t>
  </si>
  <si>
    <t>Transferred to Springer as of 2014</t>
  </si>
  <si>
    <t>https://www.sciencedirect.com/science/journal/22118020</t>
  </si>
  <si>
    <t>Biometric Technology Today</t>
  </si>
  <si>
    <t>0969-4765</t>
  </si>
  <si>
    <t>09694765</t>
  </si>
  <si>
    <t>02265</t>
  </si>
  <si>
    <t>Transferred to Mark Allen Group as of 2022</t>
  </si>
  <si>
    <t>https://www.sciencedirect.com/science/journal/09694765</t>
  </si>
  <si>
    <t>Biomimetic Intelligence and Robotics</t>
  </si>
  <si>
    <t>2667-3797</t>
  </si>
  <si>
    <t>26673797</t>
  </si>
  <si>
    <t>31156</t>
  </si>
  <si>
    <t>https://www.sciencedirect.com/science/journal/26673797</t>
  </si>
  <si>
    <t>Biomolecular Detection and Quantification</t>
  </si>
  <si>
    <t>2214-7535</t>
  </si>
  <si>
    <t>22147535</t>
  </si>
  <si>
    <t>10515</t>
  </si>
  <si>
    <t>https://www.sciencedirect.com/science/journal/22147535</t>
  </si>
  <si>
    <t>Biophysical Reports</t>
  </si>
  <si>
    <t>2667-0747</t>
  </si>
  <si>
    <t>26670747</t>
  </si>
  <si>
    <t>31092</t>
  </si>
  <si>
    <t>https://www.sciencedirect.com/science/journal/26670747</t>
  </si>
  <si>
    <t>Biorheology</t>
  </si>
  <si>
    <t>0006-355X</t>
  </si>
  <si>
    <t>0006355X</t>
  </si>
  <si>
    <t>00276</t>
  </si>
  <si>
    <t>Transferred to IOS Press as of 1998</t>
  </si>
  <si>
    <t>https://www.sciencedirect.com/science/journal/0006355X</t>
  </si>
  <si>
    <t>Biosafety and Health</t>
  </si>
  <si>
    <t>2590-0536</t>
  </si>
  <si>
    <t>25900536</t>
  </si>
  <si>
    <t>30040</t>
  </si>
  <si>
    <t>https://www.sciencedirect.com/science/journal/25900536</t>
  </si>
  <si>
    <t>Biosensors and Bioelectronics: X</t>
  </si>
  <si>
    <t>2590-1370</t>
  </si>
  <si>
    <t>25901370</t>
  </si>
  <si>
    <t>18460</t>
  </si>
  <si>
    <t>https://www.sciencedirect.com/science/journal/25901370</t>
  </si>
  <si>
    <t>Biosurface and Biotribology</t>
  </si>
  <si>
    <t>2405-4518</t>
  </si>
  <si>
    <t>24054518</t>
  </si>
  <si>
    <t>18139</t>
  </si>
  <si>
    <t>https://www.sciencedirect.com/science/journal/24054518</t>
  </si>
  <si>
    <t>Biotechnology Notes</t>
  </si>
  <si>
    <t>2665-9069</t>
  </si>
  <si>
    <t>26659069</t>
  </si>
  <si>
    <t>30129</t>
  </si>
  <si>
    <t>https://www.sciencedirect.com/science/journal/26659069</t>
  </si>
  <si>
    <t>Biotechnology Reports</t>
  </si>
  <si>
    <t>2215-017X</t>
  </si>
  <si>
    <t>2215017X</t>
  </si>
  <si>
    <t>17066</t>
  </si>
  <si>
    <t>https://www.sciencedirect.com/science/journal/2215017X</t>
  </si>
  <si>
    <t>Biotechnology Research and Innovation</t>
  </si>
  <si>
    <t>2452-0721</t>
  </si>
  <si>
    <t>24520721</t>
  </si>
  <si>
    <t>11502</t>
  </si>
  <si>
    <t>https://www.sciencedirect.com/science/journal/24520721</t>
  </si>
  <si>
    <t>BJA Open</t>
  </si>
  <si>
    <t>2772-6096</t>
  </si>
  <si>
    <t>27726096</t>
  </si>
  <si>
    <t>31291</t>
  </si>
  <si>
    <t>https://www.sciencedirect.com/science/journal/27726096</t>
  </si>
  <si>
    <t>BJOG: An International Journal of Obstetrics and Gynaecology</t>
  </si>
  <si>
    <t>1470-0328</t>
  </si>
  <si>
    <t>14700328</t>
  </si>
  <si>
    <t>05580</t>
  </si>
  <si>
    <t>Formerly known as British Journal of Obstetrics and Gynaecology; Transferred to Blackwell as of 2004</t>
  </si>
  <si>
    <t>https://www.sciencedirect.com/science/journal/14700328</t>
  </si>
  <si>
    <t>Blockchain: Research and Applications</t>
  </si>
  <si>
    <t>2096-7209</t>
  </si>
  <si>
    <t>20967209</t>
  </si>
  <si>
    <t>31033</t>
  </si>
  <si>
    <t>https://www.sciencedirect.com/science/journal/20967209</t>
  </si>
  <si>
    <t>Blood</t>
  </si>
  <si>
    <t>0006-4971</t>
  </si>
  <si>
    <t>00064971</t>
  </si>
  <si>
    <t>31006</t>
  </si>
  <si>
    <t>https://www.sciencedirect.com/science/journal/00064971</t>
  </si>
  <si>
    <t>Blood Global Hematology</t>
  </si>
  <si>
    <t>3050-5658</t>
  </si>
  <si>
    <t>30505658</t>
  </si>
  <si>
    <t>32021</t>
  </si>
  <si>
    <t>https://www.sciencedirect.com/science/journal/30505658</t>
  </si>
  <si>
    <t>Blood Neoplasia</t>
  </si>
  <si>
    <t>2950-3280</t>
  </si>
  <si>
    <t>29503280</t>
  </si>
  <si>
    <t>31753</t>
  </si>
  <si>
    <t>https://www.sciencedirect.com/science/journal/29503280</t>
  </si>
  <si>
    <t>Blood Vessels, Thrombosis &amp; Hemostasis</t>
  </si>
  <si>
    <t>2950-3272</t>
  </si>
  <si>
    <t>29503272</t>
  </si>
  <si>
    <t>31745</t>
  </si>
  <si>
    <t>https://www.sciencedirect.com/science/journal/29503272</t>
  </si>
  <si>
    <t>Boletín Médico del Hospital Infantil de México</t>
  </si>
  <si>
    <t>1665-1146</t>
  </si>
  <si>
    <t>16651146</t>
  </si>
  <si>
    <t>14304</t>
  </si>
  <si>
    <t>https://www.sciencedirect.com/science/journal/16651146</t>
  </si>
  <si>
    <t>Boletín Médico del Hospital Infantil de México (Internet English ed.)</t>
  </si>
  <si>
    <t>2444-3409</t>
  </si>
  <si>
    <t>24443409</t>
  </si>
  <si>
    <t>14425</t>
  </si>
  <si>
    <t>https://www.sciencedirect.com/science/journal/24443409</t>
  </si>
  <si>
    <t>Boletín Mexicano de Derecho Comparado</t>
  </si>
  <si>
    <t>0041-8633</t>
  </si>
  <si>
    <t>00418633</t>
  </si>
  <si>
    <t>16857</t>
  </si>
  <si>
    <t>https://www.sciencedirect.com/science/journal/00418633</t>
  </si>
  <si>
    <t>Boletín de la Sociedad Española de Cerámica y Vidrio</t>
  </si>
  <si>
    <t>0366-3175</t>
  </si>
  <si>
    <t>03663175</t>
  </si>
  <si>
    <t>16885</t>
  </si>
  <si>
    <t>https://www.sciencedirect.com/science/journal/03663175</t>
  </si>
  <si>
    <t>Bone Reports</t>
  </si>
  <si>
    <t>2352-1872</t>
  </si>
  <si>
    <t>23521872</t>
  </si>
  <si>
    <t>18748</t>
  </si>
  <si>
    <t>https://www.sciencedirect.com/science/journal/23521872</t>
  </si>
  <si>
    <t>Borsa Istanbul Review</t>
  </si>
  <si>
    <t>2214-8450</t>
  </si>
  <si>
    <t>22148450</t>
  </si>
  <si>
    <t>08835</t>
  </si>
  <si>
    <t>https://www.sciencedirect.com/science/journal/22148450</t>
  </si>
  <si>
    <t>Botanical Journal of the Linnean Society</t>
  </si>
  <si>
    <t>0024-4074</t>
  </si>
  <si>
    <t>00244074</t>
  </si>
  <si>
    <t>12621</t>
  </si>
  <si>
    <t>https://www.sciencedirect.com/science/journal/00244074</t>
  </si>
  <si>
    <t>Brain and Environment</t>
  </si>
  <si>
    <t>3050-5917</t>
  </si>
  <si>
    <t>30505917</t>
  </si>
  <si>
    <t>32037</t>
  </si>
  <si>
    <t>https://www.sciencedirect.com/science/journal/30505917</t>
  </si>
  <si>
    <t>Brain, Behavior, &amp; Immunity - Health</t>
  </si>
  <si>
    <t>2666-3546</t>
  </si>
  <si>
    <t>26663546</t>
  </si>
  <si>
    <t>30266</t>
  </si>
  <si>
    <t>https://www.sciencedirect.com/science/journal/26663546</t>
  </si>
  <si>
    <t>Brain Behavior and Immunity Integrative</t>
  </si>
  <si>
    <t>2949-8341</t>
  </si>
  <si>
    <t>29498341</t>
  </si>
  <si>
    <t>31553</t>
  </si>
  <si>
    <t>https://www.sciencedirect.com/science/journal/29498341</t>
  </si>
  <si>
    <t>Brain and Development Case Reports</t>
  </si>
  <si>
    <t>2950-2217</t>
  </si>
  <si>
    <t>29502217</t>
  </si>
  <si>
    <t>31668</t>
  </si>
  <si>
    <t>https://www.sciencedirect.com/science/journal/29502217</t>
  </si>
  <si>
    <t>Brain Disorders</t>
  </si>
  <si>
    <t>2666-4593</t>
  </si>
  <si>
    <t>26664593</t>
  </si>
  <si>
    <t>30334</t>
  </si>
  <si>
    <t>https://www.sciencedirect.com/science/journal/26664593</t>
  </si>
  <si>
    <t>Brain Hemorrhages</t>
  </si>
  <si>
    <t>2589-238X</t>
  </si>
  <si>
    <t>2589238X</t>
  </si>
  <si>
    <t>18420</t>
  </si>
  <si>
    <t>https://www.sciencedirect.com/science/journal/2589238X</t>
  </si>
  <si>
    <t>Brain Multiphysics</t>
  </si>
  <si>
    <t>2666-5220</t>
  </si>
  <si>
    <t>26665220</t>
  </si>
  <si>
    <t>30342</t>
  </si>
  <si>
    <t>https://www.sciencedirect.com/science/journal/26665220</t>
  </si>
  <si>
    <t>Brain Organoid and Systems Neuroscience Journal</t>
  </si>
  <si>
    <t>2949-9216</t>
  </si>
  <si>
    <t>29499216</t>
  </si>
  <si>
    <t>31597</t>
  </si>
  <si>
    <t>https://www.sciencedirect.com/science/journal/29499216</t>
  </si>
  <si>
    <t>Brain and Spine</t>
  </si>
  <si>
    <t>2772-5294</t>
  </si>
  <si>
    <t>27725294</t>
  </si>
  <si>
    <t>31261</t>
  </si>
  <si>
    <t>https://www.sciencedirect.com/science/journal/27725294</t>
  </si>
  <si>
    <t>Brazilian Journal of Anesthesiology</t>
  </si>
  <si>
    <t>0034-7094</t>
  </si>
  <si>
    <t>00347094</t>
  </si>
  <si>
    <t>15996</t>
  </si>
  <si>
    <t>Incorporated</t>
  </si>
  <si>
    <t>https://www.sciencedirect.com/science/journal/00347094</t>
  </si>
  <si>
    <t>Brazilian Journal of Anesthesiology (Edicion en Espanol)</t>
  </si>
  <si>
    <t>2255-4963</t>
  </si>
  <si>
    <t>22554963</t>
  </si>
  <si>
    <t>15995</t>
  </si>
  <si>
    <t>https://www.sciencedirect.com/science/journal/22554963</t>
  </si>
  <si>
    <t>Brazilian Journal of Anesthesiology (English Edition)</t>
  </si>
  <si>
    <t>0104-0014</t>
  </si>
  <si>
    <t>01040014</t>
  </si>
  <si>
    <t>https://www.sciencedirect.com/science/journal/01040014</t>
  </si>
  <si>
    <t>The Brazilian Journal of Infectious Diseases</t>
  </si>
  <si>
    <t>1413-8670</t>
  </si>
  <si>
    <t>14138670</t>
  </si>
  <si>
    <t>15901</t>
  </si>
  <si>
    <t>https://www.sciencedirect.com/science/journal/14138670</t>
  </si>
  <si>
    <t>Brazilian Journal of Microbiology</t>
  </si>
  <si>
    <t>1517-8382</t>
  </si>
  <si>
    <t>15178382</t>
  </si>
  <si>
    <t>11500</t>
  </si>
  <si>
    <t>https://www.sciencedirect.com/science/journal/15178382</t>
  </si>
  <si>
    <t>Brazilian Journal of Otorhinolaryngology</t>
  </si>
  <si>
    <t>1808-8694</t>
  </si>
  <si>
    <t>18088694</t>
  </si>
  <si>
    <t>15905</t>
  </si>
  <si>
    <t>https://www.sciencedirect.com/science/journal/18088694</t>
  </si>
  <si>
    <t>British Journal of Medical and Surgical Urology</t>
  </si>
  <si>
    <t>1875-9742</t>
  </si>
  <si>
    <t>18759742</t>
  </si>
  <si>
    <t>04297</t>
  </si>
  <si>
    <t>Transferred to SAGE Publications as of 2013</t>
  </si>
  <si>
    <t>https://www.sciencedirect.com/science/journal/18759742</t>
  </si>
  <si>
    <t>British Journal of Obstetrics and Gynaecology</t>
  </si>
  <si>
    <t>0306-5456</t>
  </si>
  <si>
    <t>03065456</t>
  </si>
  <si>
    <t>Continued as BJOG: An International Journal of Obstetrics and Gynaecology; Transferred to Blackwell as of 2004</t>
  </si>
  <si>
    <t>https://www.sciencedirect.com/science/journal/03065456</t>
  </si>
  <si>
    <t>BRQ Business Research Quarterly</t>
  </si>
  <si>
    <t>2340-9436</t>
  </si>
  <si>
    <t>23409436</t>
  </si>
  <si>
    <t>15789</t>
  </si>
  <si>
    <t>Transferred to SAGE as of 2020</t>
  </si>
  <si>
    <t>https://www.sciencedirect.com/science/journal/23409436</t>
  </si>
  <si>
    <t>Bulletin of Faculty of Pharmacy, Cairo University</t>
  </si>
  <si>
    <t>1110-0931</t>
  </si>
  <si>
    <t>11100931</t>
  </si>
  <si>
    <t>08785</t>
  </si>
  <si>
    <t>https://www.sciencedirect.com/science/journal/11100931</t>
  </si>
  <si>
    <t>Bulletin of Latin American Research</t>
  </si>
  <si>
    <t>0261-3050</t>
  </si>
  <si>
    <t>02613050</t>
  </si>
  <si>
    <t>00754</t>
  </si>
  <si>
    <t>https://www.sciencedirect.com/science/journal/02613050</t>
  </si>
  <si>
    <t>Bulletin of Mathematical Biology</t>
  </si>
  <si>
    <t>0092-8240</t>
  </si>
  <si>
    <t>00928240</t>
  </si>
  <si>
    <t>12760</t>
  </si>
  <si>
    <t>Transferred to Springer Verlag as of 2006</t>
  </si>
  <si>
    <t>https://www.sciencedirect.com/science/journal/00928240</t>
  </si>
  <si>
    <t>Burnout Research</t>
  </si>
  <si>
    <t>2213-0586</t>
  </si>
  <si>
    <t>22130586</t>
  </si>
  <si>
    <t>10510</t>
  </si>
  <si>
    <t>https://www.sciencedirect.com/science/journal/22130586</t>
  </si>
  <si>
    <t>Burns Open</t>
  </si>
  <si>
    <t>2468-9122</t>
  </si>
  <si>
    <t>24689122</t>
  </si>
  <si>
    <t>18384</t>
  </si>
  <si>
    <t>https://www.sciencedirect.com/science/journal/24689122</t>
  </si>
  <si>
    <t>CAAI Transactions on Intelligence Technology</t>
  </si>
  <si>
    <t>2468-2322</t>
  </si>
  <si>
    <t>24682322</t>
  </si>
  <si>
    <t>18343</t>
  </si>
  <si>
    <t>https://www.sciencedirect.com/science/journal/24682322</t>
  </si>
  <si>
    <t>Canadian Association of Radiologists Journal</t>
  </si>
  <si>
    <t>0846-5371</t>
  </si>
  <si>
    <t>08465371</t>
  </si>
  <si>
    <t>14036</t>
  </si>
  <si>
    <t>https://www.sciencedirect.com/science/journal/08465371</t>
  </si>
  <si>
    <t>Canadian Metallurgical Quarterly</t>
  </si>
  <si>
    <t>0008-4433</t>
  </si>
  <si>
    <t>00084433</t>
  </si>
  <si>
    <t>00345</t>
  </si>
  <si>
    <t>Transferred to Metallurgical Society of CIM as of 2000</t>
  </si>
  <si>
    <t>https://www.sciencedirect.com/science/journal/00084433</t>
  </si>
  <si>
    <t>Cancer Pathogenesis and Therapy</t>
  </si>
  <si>
    <t>2949-7132</t>
  </si>
  <si>
    <t>29497132</t>
  </si>
  <si>
    <t>31491</t>
  </si>
  <si>
    <t>https://www.sciencedirect.com/science/journal/29497132</t>
  </si>
  <si>
    <t>Cancer Treatment Communications</t>
  </si>
  <si>
    <t>2213-0896</t>
  </si>
  <si>
    <t>22130896</t>
  </si>
  <si>
    <t>18010</t>
  </si>
  <si>
    <t>Continued as Cancer Treatment and Research Communications</t>
  </si>
  <si>
    <t>https://www.sciencedirect.com/science/journal/22130896</t>
  </si>
  <si>
    <t>Cancer Treatment and Research Communications</t>
  </si>
  <si>
    <t>2468-2942</t>
  </si>
  <si>
    <t>24682942</t>
  </si>
  <si>
    <t>Formerly known as Cancer Treatment Communications</t>
  </si>
  <si>
    <t>https://www.sciencedirect.com/science/journal/24682942</t>
  </si>
  <si>
    <t>Carbohydrate Polymer Technologies and Applications</t>
  </si>
  <si>
    <t>2666-8939</t>
  </si>
  <si>
    <t>26668939</t>
  </si>
  <si>
    <t>31007</t>
  </si>
  <si>
    <t>https://www.sciencedirect.com/science/journal/26668939</t>
  </si>
  <si>
    <t>Carbon Capture Science &amp; Technology</t>
  </si>
  <si>
    <t>2772-6568</t>
  </si>
  <si>
    <t>27726568</t>
  </si>
  <si>
    <t>31303</t>
  </si>
  <si>
    <t>https://www.sciencedirect.com/science/journal/27726568</t>
  </si>
  <si>
    <t>Carbon Resources Conversion</t>
  </si>
  <si>
    <t>2588-9133</t>
  </si>
  <si>
    <t>25889133</t>
  </si>
  <si>
    <t>18419</t>
  </si>
  <si>
    <t>https://www.sciencedirect.com/science/journal/25889133</t>
  </si>
  <si>
    <t>Carbon Trends</t>
  </si>
  <si>
    <t>2667-0569</t>
  </si>
  <si>
    <t>26670569</t>
  </si>
  <si>
    <t>31091</t>
  </si>
  <si>
    <t>https://www.sciencedirect.com/science/journal/26670569</t>
  </si>
  <si>
    <t>Cardiovascular Digital Health Journal</t>
  </si>
  <si>
    <t>2666-6936</t>
  </si>
  <si>
    <t>26666936</t>
  </si>
  <si>
    <t>30426</t>
  </si>
  <si>
    <t>https://www.sciencedirect.com/science/journal/26666936</t>
  </si>
  <si>
    <t>Cardiovascular Revascularization Medicine: Interesting Cases</t>
  </si>
  <si>
    <t>2950-2756</t>
  </si>
  <si>
    <t>29502756</t>
  </si>
  <si>
    <t>31702</t>
  </si>
  <si>
    <t>https://www.sciencedirect.com/science/journal/29502756</t>
  </si>
  <si>
    <t>Cardiovascular Surgery</t>
  </si>
  <si>
    <t>0967-2109</t>
  </si>
  <si>
    <t>09672109</t>
  </si>
  <si>
    <t>03007</t>
  </si>
  <si>
    <t>Transferred to BC Decker as of 2004</t>
  </si>
  <si>
    <t>https://www.sciencedirect.com/science/journal/09672109</t>
  </si>
  <si>
    <t>CASE</t>
  </si>
  <si>
    <t>2468-6441</t>
  </si>
  <si>
    <t>24686441</t>
  </si>
  <si>
    <t>18895</t>
  </si>
  <si>
    <t>https://www.sciencedirect.com/science/journal/24686441</t>
  </si>
  <si>
    <t>Case Reports in Women's Health</t>
  </si>
  <si>
    <t>2214-9112</t>
  </si>
  <si>
    <t>22149112</t>
  </si>
  <si>
    <t>17050</t>
  </si>
  <si>
    <t>https://www.sciencedirect.com/science/journal/22149112</t>
  </si>
  <si>
    <t>Case Studies in Chemical and Environmental Engineering</t>
  </si>
  <si>
    <t>2666-0164</t>
  </si>
  <si>
    <t>26660164</t>
  </si>
  <si>
    <t>30162</t>
  </si>
  <si>
    <t>https://www.sciencedirect.com/science/journal/26660164</t>
  </si>
  <si>
    <t>Case Studies in Construction Materials</t>
  </si>
  <si>
    <t>2214-5095</t>
  </si>
  <si>
    <t>22145095</t>
  </si>
  <si>
    <t>17032</t>
  </si>
  <si>
    <t>https://www.sciencedirect.com/science/journal/22145095</t>
  </si>
  <si>
    <t>Case Studies in Engineering Failure Analysis</t>
  </si>
  <si>
    <t>2213-2902</t>
  </si>
  <si>
    <t>22132902</t>
  </si>
  <si>
    <t>10138</t>
  </si>
  <si>
    <t>https://www.sciencedirect.com/science/journal/22132902</t>
  </si>
  <si>
    <t>Case Studies in Fire Safety</t>
  </si>
  <si>
    <t>2214-398X</t>
  </si>
  <si>
    <t>2214398X</t>
  </si>
  <si>
    <t>17027</t>
  </si>
  <si>
    <t>https://www.sciencedirect.com/science/journal/2214398X</t>
  </si>
  <si>
    <t>Case Studies in Mechanical Systems and Signal Processing</t>
  </si>
  <si>
    <t>2351-9886</t>
  </si>
  <si>
    <t>23519886</t>
  </si>
  <si>
    <t>17065</t>
  </si>
  <si>
    <t>https://www.sciencedirect.com/science/journal/23519886</t>
  </si>
  <si>
    <t>Case Studies in Nondestructive Testing and Evaluation</t>
  </si>
  <si>
    <t>2214-6571</t>
  </si>
  <si>
    <t>22146571</t>
  </si>
  <si>
    <t>17044</t>
  </si>
  <si>
    <t>https://www.sciencedirect.com/science/journal/22146571</t>
  </si>
  <si>
    <t>Case Studies in Structural Engineering</t>
  </si>
  <si>
    <t>2214-3998</t>
  </si>
  <si>
    <t>22143998</t>
  </si>
  <si>
    <t>17028</t>
  </si>
  <si>
    <t>https://www.sciencedirect.com/science/journal/22143998</t>
  </si>
  <si>
    <t>Case Studies in Thermal Engineering</t>
  </si>
  <si>
    <t>2214-157X</t>
  </si>
  <si>
    <t>2214157X</t>
  </si>
  <si>
    <t>17011</t>
  </si>
  <si>
    <t>https://www.sciencedirect.com/science/journal/2214157X</t>
  </si>
  <si>
    <t>Cell Biology International</t>
  </si>
  <si>
    <t>1065-6995</t>
  </si>
  <si>
    <t>10656995</t>
  </si>
  <si>
    <t>12648</t>
  </si>
  <si>
    <t>Formerly known as Cell Biology International Reports; Transferred to Portland Press Ltd. as of 2010</t>
  </si>
  <si>
    <t>https://www.sciencedirect.com/science/journal/10656995</t>
  </si>
  <si>
    <t>Cell Death</t>
  </si>
  <si>
    <t>3051-1151</t>
  </si>
  <si>
    <t>30511151</t>
  </si>
  <si>
    <t>32148</t>
  </si>
  <si>
    <t>https://www.sciencedirect.com/science/journal/30511151</t>
  </si>
  <si>
    <t>Cell Ecosystem</t>
  </si>
  <si>
    <t>2949-9461</t>
  </si>
  <si>
    <t>29499461</t>
  </si>
  <si>
    <t>31616</t>
  </si>
  <si>
    <t>https://www.sciencedirect.com/science/journal/29499461</t>
  </si>
  <si>
    <t>Cell Genomics</t>
  </si>
  <si>
    <t>2666-979X</t>
  </si>
  <si>
    <t>2666979X</t>
  </si>
  <si>
    <t>31055</t>
  </si>
  <si>
    <t>https://www.sciencedirect.com/science/journal/2666979X</t>
  </si>
  <si>
    <t>Cell Investigation</t>
  </si>
  <si>
    <t>3050-5380</t>
  </si>
  <si>
    <t>30505380</t>
  </si>
  <si>
    <t>32012</t>
  </si>
  <si>
    <t>https://www.sciencedirect.com/science/journal/30505380</t>
  </si>
  <si>
    <t>Cell Regeneration</t>
  </si>
  <si>
    <t>2045-9769</t>
  </si>
  <si>
    <t>20459769</t>
  </si>
  <si>
    <t>18386</t>
  </si>
  <si>
    <t>https://www.sciencedirect.com/science/journal/20459769</t>
  </si>
  <si>
    <t>Cell Reports</t>
  </si>
  <si>
    <t>2211-1247</t>
  </si>
  <si>
    <t>22111247</t>
  </si>
  <si>
    <t>14108</t>
  </si>
  <si>
    <t>https://www.sciencedirect.com/science/journal/22111247</t>
  </si>
  <si>
    <t>Cell Reports Medicine</t>
  </si>
  <si>
    <t>2666-3791</t>
  </si>
  <si>
    <t>26663791</t>
  </si>
  <si>
    <t>30312</t>
  </si>
  <si>
    <t>https://www.sciencedirect.com/science/journal/26663791</t>
  </si>
  <si>
    <t>Cell Reports Methods</t>
  </si>
  <si>
    <t>2667-2375</t>
  </si>
  <si>
    <t>26672375</t>
  </si>
  <si>
    <t>31142</t>
  </si>
  <si>
    <t>https://www.sciencedirect.com/science/journal/26672375</t>
  </si>
  <si>
    <t>Cell Reports Physical Science</t>
  </si>
  <si>
    <t>2666-3864</t>
  </si>
  <si>
    <t>26663864</t>
  </si>
  <si>
    <t>30313</t>
  </si>
  <si>
    <t>https://www.sciencedirect.com/science/journal/26663864</t>
  </si>
  <si>
    <t>Cell Reports Sustainability</t>
  </si>
  <si>
    <t>2949-7906</t>
  </si>
  <si>
    <t>29497906</t>
  </si>
  <si>
    <t>31520</t>
  </si>
  <si>
    <t>https://www.sciencedirect.com/science/journal/29497906</t>
  </si>
  <si>
    <t>Cell Stress and Chaperones</t>
  </si>
  <si>
    <t>1355-8145</t>
  </si>
  <si>
    <t>13558145</t>
  </si>
  <si>
    <t>31716</t>
  </si>
  <si>
    <t>https://www.sciencedirect.com/science/journal/13558145</t>
  </si>
  <si>
    <t>Cell Transplantation</t>
  </si>
  <si>
    <t>0963-6897</t>
  </si>
  <si>
    <t>09636897</t>
  </si>
  <si>
    <t>07522</t>
  </si>
  <si>
    <t>Transferred to Cognizant Communications as of 1999</t>
  </si>
  <si>
    <t>https://www.sciencedirect.com/science/journal/09636897</t>
  </si>
  <si>
    <t>Cellular and Molecular Gastroenterology and Hepatology</t>
  </si>
  <si>
    <t>2352-345X</t>
  </si>
  <si>
    <t>2352345X</t>
  </si>
  <si>
    <t>18792</t>
  </si>
  <si>
    <t>https://www.sciencedirect.com/science/journal/2352345X</t>
  </si>
  <si>
    <t>Cement</t>
  </si>
  <si>
    <t>2666-5492</t>
  </si>
  <si>
    <t>26665492</t>
  </si>
  <si>
    <t>30344</t>
  </si>
  <si>
    <t>https://www.sciencedirect.com/science/journal/26665492</t>
  </si>
  <si>
    <t>Central Bank Review</t>
  </si>
  <si>
    <t>1303-0701</t>
  </si>
  <si>
    <t>13030701</t>
  </si>
  <si>
    <t>18264</t>
  </si>
  <si>
    <t>https://www.sciencedirect.com/science/journal/13030701</t>
  </si>
  <si>
    <t>Cerebral Circulation - Cognition and Behavior</t>
  </si>
  <si>
    <t>2666-2450</t>
  </si>
  <si>
    <t>26662450</t>
  </si>
  <si>
    <t>30263</t>
  </si>
  <si>
    <t>https://www.sciencedirect.com/science/journal/26662450</t>
  </si>
  <si>
    <t>Cerevisia</t>
  </si>
  <si>
    <t>1373-7163</t>
  </si>
  <si>
    <t>13737163</t>
  </si>
  <si>
    <t>08715</t>
  </si>
  <si>
    <t>Transferred back to the society as of 2015</t>
  </si>
  <si>
    <t>https://www.sciencedirect.com/science/journal/13737163</t>
  </si>
  <si>
    <t>Chaos, Solitons &amp; Fractals: X</t>
  </si>
  <si>
    <t>2590-0544</t>
  </si>
  <si>
    <t>25900544</t>
  </si>
  <si>
    <t>18449</t>
  </si>
  <si>
    <t>https://www.sciencedirect.com/science/journal/25900544</t>
  </si>
  <si>
    <t>Chemical Engineering Journal Advances</t>
  </si>
  <si>
    <t>2666-8211</t>
  </si>
  <si>
    <t>26668211</t>
  </si>
  <si>
    <t>30458</t>
  </si>
  <si>
    <t>https://www.sciencedirect.com/science/journal/26668211</t>
  </si>
  <si>
    <t>Chemical Engineering Science: X</t>
  </si>
  <si>
    <t>2590-1400</t>
  </si>
  <si>
    <t>25901400</t>
  </si>
  <si>
    <t>18454</t>
  </si>
  <si>
    <t>Title discontinued as of 2022</t>
  </si>
  <si>
    <t>https://www.sciencedirect.com/science/journal/25901400</t>
  </si>
  <si>
    <t>Chemical Physics Impact</t>
  </si>
  <si>
    <t>2667-0224</t>
  </si>
  <si>
    <t>26670224</t>
  </si>
  <si>
    <t>31077</t>
  </si>
  <si>
    <t>https://www.sciencedirect.com/science/journal/26670224</t>
  </si>
  <si>
    <t>Chemical Research in Chinese Universities</t>
  </si>
  <si>
    <t>1005-9040</t>
  </si>
  <si>
    <t>10059040</t>
  </si>
  <si>
    <t>05604</t>
  </si>
  <si>
    <t>Title no longer published by Elsevier as of 2009</t>
  </si>
  <si>
    <t>https://www.sciencedirect.com/science/journal/10059040</t>
  </si>
  <si>
    <t>Chemical Thermodynamics and Thermal Analysis</t>
  </si>
  <si>
    <t>2667-3126</t>
  </si>
  <si>
    <t>26673126</t>
  </si>
  <si>
    <t>31168</t>
  </si>
  <si>
    <t>https://www.sciencedirect.com/science/journal/26673126</t>
  </si>
  <si>
    <t>Chemistry of Inorganic Materials</t>
  </si>
  <si>
    <t>2949-7469</t>
  </si>
  <si>
    <t>29497469</t>
  </si>
  <si>
    <t>31503</t>
  </si>
  <si>
    <t>https://www.sciencedirect.com/science/journal/29497469</t>
  </si>
  <si>
    <t>ChemPhysMater</t>
  </si>
  <si>
    <t>2772-5715</t>
  </si>
  <si>
    <t>27725715</t>
  </si>
  <si>
    <t>31267</t>
  </si>
  <si>
    <t>https://www.sciencedirect.com/science/journal/27725715</t>
  </si>
  <si>
    <t>CHEST Critical Care</t>
  </si>
  <si>
    <t>2949-7884</t>
  </si>
  <si>
    <t>29497884</t>
  </si>
  <si>
    <t>31532</t>
  </si>
  <si>
    <t>https://www.sciencedirect.com/science/journal/29497884</t>
  </si>
  <si>
    <t>CHEST Pulmonary</t>
  </si>
  <si>
    <t>2949-7892</t>
  </si>
  <si>
    <t>29497892</t>
  </si>
  <si>
    <t>31534</t>
  </si>
  <si>
    <t>https://www.sciencedirect.com/science/journal/29497892</t>
  </si>
  <si>
    <t>Child Protection and Practice</t>
  </si>
  <si>
    <t>2950-1938</t>
  </si>
  <si>
    <t>29501938</t>
  </si>
  <si>
    <t>31650</t>
  </si>
  <si>
    <t>https://www.sciencedirect.com/science/journal/29501938</t>
  </si>
  <si>
    <t>China Economic Quarterly International</t>
  </si>
  <si>
    <t>2666-9331</t>
  </si>
  <si>
    <t>26669331</t>
  </si>
  <si>
    <t>31027</t>
  </si>
  <si>
    <t>https://www.sciencedirect.com/science/journal/26669331</t>
  </si>
  <si>
    <t>China Geology</t>
  </si>
  <si>
    <t>2096-5192</t>
  </si>
  <si>
    <t>20965192</t>
  </si>
  <si>
    <t>30011</t>
  </si>
  <si>
    <t>https://www.sciencedirect.com/science/journal/20965192</t>
  </si>
  <si>
    <t>China Journal of Accounting Research</t>
  </si>
  <si>
    <t>1755-3091</t>
  </si>
  <si>
    <t>17553091</t>
  </si>
  <si>
    <t>08769</t>
  </si>
  <si>
    <t>https://www.sciencedirect.com/science/journal/17553091</t>
  </si>
  <si>
    <t>Chinese General Practice Journal</t>
  </si>
  <si>
    <t>2950-5593</t>
  </si>
  <si>
    <t>29505593</t>
  </si>
  <si>
    <t>31817</t>
  </si>
  <si>
    <t>https://www.sciencedirect.com/science/journal/29505593</t>
  </si>
  <si>
    <t>Chinese Journal of Aeronautics</t>
  </si>
  <si>
    <t>1000-9361</t>
  </si>
  <si>
    <t>10009361</t>
  </si>
  <si>
    <t>08595</t>
  </si>
  <si>
    <t>https://www.sciencedirect.com/science/journal/10009361</t>
  </si>
  <si>
    <t>Chinese Journal of Mechanical Engineering</t>
  </si>
  <si>
    <t>1000-9345</t>
  </si>
  <si>
    <t>10009345</t>
  </si>
  <si>
    <t>32154</t>
  </si>
  <si>
    <t>https://www.sciencedirect.com/science/journal/10009345</t>
  </si>
  <si>
    <t>Chinese Journal of Mechanical Engineering: Additive Manufacturing Frontiers</t>
  </si>
  <si>
    <t>2772-6657</t>
  </si>
  <si>
    <t>27726657</t>
  </si>
  <si>
    <t>https://www.sciencedirect.com/science/journal/27726657</t>
  </si>
  <si>
    <t>Chinese Journal of Plastic and Reconstructive Surgery</t>
  </si>
  <si>
    <t>2096-6911</t>
  </si>
  <si>
    <t>20966911</t>
  </si>
  <si>
    <t>31317</t>
  </si>
  <si>
    <t>https://www.sciencedirect.com/science/journal/20966911</t>
  </si>
  <si>
    <t>Chinese Journal of Population, Resources and Environment</t>
  </si>
  <si>
    <t>2325-4262</t>
  </si>
  <si>
    <t>23254262</t>
  </si>
  <si>
    <t>31212</t>
  </si>
  <si>
    <t>https://www.sciencedirect.com/science/journal/23254262</t>
  </si>
  <si>
    <t>Chinese Journal of Traumatology</t>
  </si>
  <si>
    <t>1008-1275</t>
  </si>
  <si>
    <t>10081275</t>
  </si>
  <si>
    <t>08646</t>
  </si>
  <si>
    <t>https://www.sciencedirect.com/science/journal/10081275</t>
  </si>
  <si>
    <t>Chinese Medical Journal - Pulmonary and Critical Care Medicine</t>
  </si>
  <si>
    <t>2772-5588</t>
  </si>
  <si>
    <t>27725588</t>
  </si>
  <si>
    <t>31255</t>
  </si>
  <si>
    <t>https://www.sciencedirect.com/science/journal/27725588</t>
  </si>
  <si>
    <t>Chinese Medical Sciences Journal</t>
  </si>
  <si>
    <t>1001-9294</t>
  </si>
  <si>
    <t>10019294</t>
  </si>
  <si>
    <t>08670</t>
  </si>
  <si>
    <t>https://www.sciencedirect.com/science/journal/10019294</t>
  </si>
  <si>
    <t>Chinese Nursing Research</t>
  </si>
  <si>
    <t>2095-7718</t>
  </si>
  <si>
    <t>20957718</t>
  </si>
  <si>
    <t>18188</t>
  </si>
  <si>
    <t>https://www.sciencedirect.com/science/journal/20957718</t>
  </si>
  <si>
    <t>Chip</t>
  </si>
  <si>
    <t>2709-4723</t>
  </si>
  <si>
    <t>27094723</t>
  </si>
  <si>
    <t>31192</t>
  </si>
  <si>
    <t>https://www.sciencedirect.com/science/journal/27094723</t>
  </si>
  <si>
    <t>Chronic Diseases and Translational Medicine</t>
  </si>
  <si>
    <t>2095-882X</t>
  </si>
  <si>
    <t>2095882X</t>
  </si>
  <si>
    <t>18178</t>
  </si>
  <si>
    <t>Transferred to Wanshu Zhang Wiley as of 2022</t>
  </si>
  <si>
    <t>https://www.sciencedirect.com/science/journal/2095882X</t>
  </si>
  <si>
    <t>Circular Economy</t>
  </si>
  <si>
    <t>2773-1677</t>
  </si>
  <si>
    <t>27731677</t>
  </si>
  <si>
    <t>31454</t>
  </si>
  <si>
    <t>https://www.sciencedirect.com/science/journal/27731677</t>
  </si>
  <si>
    <t>Cirugía Cardiovascular</t>
  </si>
  <si>
    <t>1134-0096</t>
  </si>
  <si>
    <t>11340096</t>
  </si>
  <si>
    <t>15997</t>
  </si>
  <si>
    <t>https://www.sciencedirect.com/science/journal/11340096</t>
  </si>
  <si>
    <t>Cirugía y Cirujanos</t>
  </si>
  <si>
    <t>0009-7411</t>
  </si>
  <si>
    <t>00097411</t>
  </si>
  <si>
    <t>14420</t>
  </si>
  <si>
    <t>https://www.sciencedirect.com/science/journal/00097411</t>
  </si>
  <si>
    <t>Cirugía y Cirujanos (English Edition)</t>
  </si>
  <si>
    <t>2444-0507</t>
  </si>
  <si>
    <t>24440507</t>
  </si>
  <si>
    <t>14421</t>
  </si>
  <si>
    <t>https://www.sciencedirect.com/science/journal/24440507</t>
  </si>
  <si>
    <t>City and Environment Interactions</t>
  </si>
  <si>
    <t>2590-2520</t>
  </si>
  <si>
    <t>25902520</t>
  </si>
  <si>
    <t>30105</t>
  </si>
  <si>
    <t>https://www.sciencedirect.com/science/journal/25902520</t>
  </si>
  <si>
    <t>CJC Open</t>
  </si>
  <si>
    <t>2589-790X</t>
  </si>
  <si>
    <t>2589790X</t>
  </si>
  <si>
    <t>18930</t>
  </si>
  <si>
    <t>https://www.sciencedirect.com/science/journal/2589790X</t>
  </si>
  <si>
    <t>CJC Pediatric and Congenital Heart Disease</t>
  </si>
  <si>
    <t>2772-8129</t>
  </si>
  <si>
    <t>27728129</t>
  </si>
  <si>
    <t>31351</t>
  </si>
  <si>
    <t>https://www.sciencedirect.com/science/journal/27728129</t>
  </si>
  <si>
    <t>Cladistics</t>
  </si>
  <si>
    <t>0748-3007</t>
  </si>
  <si>
    <t>07483007</t>
  </si>
  <si>
    <t>12655</t>
  </si>
  <si>
    <t>https://www.sciencedirect.com/science/journal/07483007</t>
  </si>
  <si>
    <t>Cleaner Chemical Engineering</t>
  </si>
  <si>
    <t>2772-7823</t>
  </si>
  <si>
    <t>27727823</t>
  </si>
  <si>
    <t>31348</t>
  </si>
  <si>
    <t>https://www.sciencedirect.com/science/journal/27727823</t>
  </si>
  <si>
    <t>Cleaner and Circular Bioeconomy</t>
  </si>
  <si>
    <t>2772-8013</t>
  </si>
  <si>
    <t>27728013</t>
  </si>
  <si>
    <t>31347</t>
  </si>
  <si>
    <t>https://www.sciencedirect.com/science/journal/27728013</t>
  </si>
  <si>
    <t>Cleaner Energy Systems</t>
  </si>
  <si>
    <t>2772-7831</t>
  </si>
  <si>
    <t>27727831</t>
  </si>
  <si>
    <t>31349</t>
  </si>
  <si>
    <t>https://www.sciencedirect.com/science/journal/27727831</t>
  </si>
  <si>
    <t>Cleaner Engineering and Technology</t>
  </si>
  <si>
    <t>2666-7908</t>
  </si>
  <si>
    <t>26667908</t>
  </si>
  <si>
    <t>30444</t>
  </si>
  <si>
    <t>https://www.sciencedirect.com/science/journal/26667908</t>
  </si>
  <si>
    <t>Cleaner Environmental Systems</t>
  </si>
  <si>
    <t>2666-7894</t>
  </si>
  <si>
    <t>26667894</t>
  </si>
  <si>
    <t>30441</t>
  </si>
  <si>
    <t>https://www.sciencedirect.com/science/journal/26667894</t>
  </si>
  <si>
    <t>Cleaner Logistics and Supply Chain</t>
  </si>
  <si>
    <t>2772-3909</t>
  </si>
  <si>
    <t>27723909</t>
  </si>
  <si>
    <t>31218</t>
  </si>
  <si>
    <t>https://www.sciencedirect.com/science/journal/27723909</t>
  </si>
  <si>
    <t>Cleaner Production Letters</t>
  </si>
  <si>
    <t>2666-7916</t>
  </si>
  <si>
    <t>26667916</t>
  </si>
  <si>
    <t>30445</t>
  </si>
  <si>
    <t>https://www.sciencedirect.com/science/journal/26667916</t>
  </si>
  <si>
    <t>Cleaner and Responsible Consumption</t>
  </si>
  <si>
    <t>2666-7843</t>
  </si>
  <si>
    <t>26667843</t>
  </si>
  <si>
    <t>30443</t>
  </si>
  <si>
    <t>https://www.sciencedirect.com/science/journal/26667843</t>
  </si>
  <si>
    <t>Cleaner Waste Systems</t>
  </si>
  <si>
    <t>2772-9125</t>
  </si>
  <si>
    <t>27729125</t>
  </si>
  <si>
    <t>31382</t>
  </si>
  <si>
    <t>https://www.sciencedirect.com/science/journal/27729125</t>
  </si>
  <si>
    <t>Cleaner Water</t>
  </si>
  <si>
    <t>2950-2632</t>
  </si>
  <si>
    <t>29502632</t>
  </si>
  <si>
    <t>31684</t>
  </si>
  <si>
    <t>https://www.sciencedirect.com/science/journal/29502632</t>
  </si>
  <si>
    <t>Climate Change Ecology</t>
  </si>
  <si>
    <t>2666-9005</t>
  </si>
  <si>
    <t>26669005</t>
  </si>
  <si>
    <t>31008</t>
  </si>
  <si>
    <t>https://www.sciencedirect.com/science/journal/26669005</t>
  </si>
  <si>
    <t>Climate Policy</t>
  </si>
  <si>
    <t>1469-3062</t>
  </si>
  <si>
    <t>14693062</t>
  </si>
  <si>
    <t>03098</t>
  </si>
  <si>
    <t>Transferred to James &amp; James Ltd as of 2004</t>
  </si>
  <si>
    <t>https://www.sciencedirect.com/science/journal/14693062</t>
  </si>
  <si>
    <t>Climate Risk Management</t>
  </si>
  <si>
    <t>2212-0963</t>
  </si>
  <si>
    <t>22120963</t>
  </si>
  <si>
    <t>10127</t>
  </si>
  <si>
    <t>https://www.sciencedirect.com/science/journal/22120963</t>
  </si>
  <si>
    <t>Climate Services</t>
  </si>
  <si>
    <t>2405-8807</t>
  </si>
  <si>
    <t>24058807</t>
  </si>
  <si>
    <t>18217</t>
  </si>
  <si>
    <t>https://www.sciencedirect.com/science/journal/24058807</t>
  </si>
  <si>
    <t>Clínica y Salud</t>
  </si>
  <si>
    <t>1130-5274</t>
  </si>
  <si>
    <t>11305274</t>
  </si>
  <si>
    <t>15999</t>
  </si>
  <si>
    <t>https://www.sciencedirect.com/science/journal/11305274</t>
  </si>
  <si>
    <t>Clinical Complementary Medicine and Pharmacology</t>
  </si>
  <si>
    <t>2772-3712</t>
  </si>
  <si>
    <t>27723712</t>
  </si>
  <si>
    <t>31211</t>
  </si>
  <si>
    <t>https://www.sciencedirect.com/science/journal/27723712</t>
  </si>
  <si>
    <t>Clinical eHealth</t>
  </si>
  <si>
    <t>2588-9141</t>
  </si>
  <si>
    <t>25889141</t>
  </si>
  <si>
    <t>18414</t>
  </si>
  <si>
    <t>https://www.sciencedirect.com/science/journal/25889141</t>
  </si>
  <si>
    <t>Clinical Immunology Communications</t>
  </si>
  <si>
    <t>2772-6134</t>
  </si>
  <si>
    <t>27726134</t>
  </si>
  <si>
    <t>31289</t>
  </si>
  <si>
    <t>https://www.sciencedirect.com/science/journal/27726134</t>
  </si>
  <si>
    <t>Clinical Infection in Practice</t>
  </si>
  <si>
    <t>2590-1702</t>
  </si>
  <si>
    <t>25901702</t>
  </si>
  <si>
    <t>30084</t>
  </si>
  <si>
    <t>https://www.sciencedirect.com/science/journal/25901702</t>
  </si>
  <si>
    <t>Clinical Medicine</t>
  </si>
  <si>
    <t>1470-2118</t>
  </si>
  <si>
    <t>14702118</t>
  </si>
  <si>
    <t>31789</t>
  </si>
  <si>
    <t>https://www.sciencedirect.com/science/journal/14702118</t>
  </si>
  <si>
    <t>Clinical Neurophysiology Practice</t>
  </si>
  <si>
    <t>2467-981X</t>
  </si>
  <si>
    <t>2467981X</t>
  </si>
  <si>
    <t>18350</t>
  </si>
  <si>
    <t>https://www.sciencedirect.com/science/journal/2467981X</t>
  </si>
  <si>
    <t>Clinical Nutrition Experimental</t>
  </si>
  <si>
    <t>2352-9393</t>
  </si>
  <si>
    <t>23529393</t>
  </si>
  <si>
    <t>18133</t>
  </si>
  <si>
    <t>https://www.sciencedirect.com/science/journal/23529393</t>
  </si>
  <si>
    <t>Clinical Nutrition Open Science</t>
  </si>
  <si>
    <t>2667-2685</t>
  </si>
  <si>
    <t>26672685</t>
  </si>
  <si>
    <t>https://www.sciencedirect.com/science/journal/26672685</t>
  </si>
  <si>
    <t>Clinical Ovarian and Other Gynecologic Cancer</t>
  </si>
  <si>
    <t>2212-9553</t>
  </si>
  <si>
    <t>22129553</t>
  </si>
  <si>
    <t>14052</t>
  </si>
  <si>
    <t>Formerly known as Clinical Ovarian Cancer; Title discontinued as of 2016</t>
  </si>
  <si>
    <t>https://www.sciencedirect.com/science/journal/22129553</t>
  </si>
  <si>
    <t>Clinical Parkinsonism &amp; Related Disorders</t>
  </si>
  <si>
    <t>2590-1125</t>
  </si>
  <si>
    <t>25901125</t>
  </si>
  <si>
    <t>30099</t>
  </si>
  <si>
    <t>https://www.sciencedirect.com/science/journal/25901125</t>
  </si>
  <si>
    <t>Clinical Positron Imaging</t>
  </si>
  <si>
    <t>1095-0397</t>
  </si>
  <si>
    <t>10950397</t>
  </si>
  <si>
    <t>07634</t>
  </si>
  <si>
    <t>Continued as Molecular Imaging &amp; Biology</t>
  </si>
  <si>
    <t>https://www.sciencedirect.com/science/journal/10950397</t>
  </si>
  <si>
    <t>Clinical Spectroscopy</t>
  </si>
  <si>
    <t>2666-0547</t>
  </si>
  <si>
    <t>26660547</t>
  </si>
  <si>
    <t>30178</t>
  </si>
  <si>
    <t>https://www.sciencedirect.com/science/journal/26660547</t>
  </si>
  <si>
    <t>Clinical Surgical Oncology</t>
  </si>
  <si>
    <t>2773-160X</t>
  </si>
  <si>
    <t>2773160X</t>
  </si>
  <si>
    <t>31439</t>
  </si>
  <si>
    <t>https://www.sciencedirect.com/science/journal/2773160X</t>
  </si>
  <si>
    <t>Clinical and Translational Radiation Oncology</t>
  </si>
  <si>
    <t>2405-6308</t>
  </si>
  <si>
    <t>24056308</t>
  </si>
  <si>
    <t>08190</t>
  </si>
  <si>
    <t>https://www.sciencedirect.com/science/journal/24056308</t>
  </si>
  <si>
    <t>Clinical Trials and Regulatory Science in Cardiology</t>
  </si>
  <si>
    <t>2405-5875</t>
  </si>
  <si>
    <t>24055875</t>
  </si>
  <si>
    <t>18166</t>
  </si>
  <si>
    <t>https://www.sciencedirect.com/science/journal/24055875</t>
  </si>
  <si>
    <t>Clinics</t>
  </si>
  <si>
    <t>1807-5932</t>
  </si>
  <si>
    <t>18075932</t>
  </si>
  <si>
    <t>31405</t>
  </si>
  <si>
    <t>https://www.sciencedirect.com/science/journal/18075932</t>
  </si>
  <si>
    <t>Clinics and Research in Hepatology and Gastroenterology: X</t>
  </si>
  <si>
    <t>2590-1443</t>
  </si>
  <si>
    <t>25901443</t>
  </si>
  <si>
    <t>16461</t>
  </si>
  <si>
    <t>https://www.sciencedirect.com/science/journal/25901443</t>
  </si>
  <si>
    <t>KSCE Journal of Civil Engineering</t>
  </si>
  <si>
    <t>1226-7988</t>
  </si>
  <si>
    <t>12267988</t>
  </si>
  <si>
    <t>31830</t>
  </si>
  <si>
    <t>https://www.sciencedirect.com/science/journal/12267988</t>
  </si>
  <si>
    <t>Cognitive Robotics</t>
  </si>
  <si>
    <t>2667-2413</t>
  </si>
  <si>
    <t>26672413</t>
  </si>
  <si>
    <t>31149</t>
  </si>
  <si>
    <t>https://www.sciencedirect.com/science/journal/26672413</t>
  </si>
  <si>
    <t>Cognitive Science</t>
  </si>
  <si>
    <t>0364-0213</t>
  </si>
  <si>
    <t>03640213</t>
  </si>
  <si>
    <t>07451</t>
  </si>
  <si>
    <t>Transferred to Lawrence Erlbaum Associates as of 2005</t>
  </si>
  <si>
    <t>https://www.sciencedirect.com/science/journal/03640213</t>
  </si>
  <si>
    <t>Colloid and Interface Science Communications</t>
  </si>
  <si>
    <t>2215-0382</t>
  </si>
  <si>
    <t>22150382</t>
  </si>
  <si>
    <t>17069</t>
  </si>
  <si>
    <t>https://www.sciencedirect.com/science/journal/22150382</t>
  </si>
  <si>
    <t>Colloids and Surfaces C: Environmental Aspects</t>
  </si>
  <si>
    <t>2949-7590</t>
  </si>
  <si>
    <t>29497590</t>
  </si>
  <si>
    <t>31513</t>
  </si>
  <si>
    <t>https://www.sciencedirect.com/science/journal/29497590</t>
  </si>
  <si>
    <t>Colombian Journal of Anesthesiology</t>
  </si>
  <si>
    <t>2256-2087</t>
  </si>
  <si>
    <t>22562087</t>
  </si>
  <si>
    <t>15972</t>
  </si>
  <si>
    <t>https://www.sciencedirect.com/science/journal/22562087</t>
  </si>
  <si>
    <t>Combinatorial Chemistry  -  an Online Journal</t>
  </si>
  <si>
    <t>1464-3383</t>
  </si>
  <si>
    <t>14643383</t>
  </si>
  <si>
    <t>04037</t>
  </si>
  <si>
    <t>https://www.sciencedirect.com/science/journal/14643383</t>
  </si>
  <si>
    <t>Communications in Transportation Research</t>
  </si>
  <si>
    <t>2772-4247</t>
  </si>
  <si>
    <t>27724247</t>
  </si>
  <si>
    <t>31241</t>
  </si>
  <si>
    <t>https://www.sciencedirect.com/science/journal/27724247</t>
  </si>
  <si>
    <t>Communist and Post-Communist Studies</t>
  </si>
  <si>
    <t>0967-067X</t>
  </si>
  <si>
    <t>0967067X</t>
  </si>
  <si>
    <t>03010</t>
  </si>
  <si>
    <t>https://www.sciencedirect.com/science/journal/0967067X</t>
  </si>
  <si>
    <t>Composites Part C: Open Access</t>
  </si>
  <si>
    <t>2666-6820</t>
  </si>
  <si>
    <t>26666820</t>
  </si>
  <si>
    <t>30416</t>
  </si>
  <si>
    <t>https://www.sciencedirect.com/science/journal/26666820</t>
  </si>
  <si>
    <t>Comprehensive Psychoneuroendocrinology</t>
  </si>
  <si>
    <t>2666-4976</t>
  </si>
  <si>
    <t>26664976</t>
  </si>
  <si>
    <t>30341</t>
  </si>
  <si>
    <t>https://www.sciencedirect.com/science/journal/26664976</t>
  </si>
  <si>
    <t>Comptes Rendus Biologies</t>
  </si>
  <si>
    <t>1631-0691</t>
  </si>
  <si>
    <t>16310691</t>
  </si>
  <si>
    <t>09026</t>
  </si>
  <si>
    <t>https://www.sciencedirect.com/science/journal/16310691</t>
  </si>
  <si>
    <t>Comptes Rendus Chimie</t>
  </si>
  <si>
    <t>1631-0748</t>
  </si>
  <si>
    <t>16310748</t>
  </si>
  <si>
    <t>09025</t>
  </si>
  <si>
    <t>https://www.sciencedirect.com/science/journal/16310748</t>
  </si>
  <si>
    <t>Comptes Rendus Geoscience</t>
  </si>
  <si>
    <t>1631-0713</t>
  </si>
  <si>
    <t>16310713</t>
  </si>
  <si>
    <t>09023</t>
  </si>
  <si>
    <t>https://www.sciencedirect.com/science/journal/16310713</t>
  </si>
  <si>
    <t>Comptes Rendus Mathematique</t>
  </si>
  <si>
    <t>1631-073X</t>
  </si>
  <si>
    <t>1631073X</t>
  </si>
  <si>
    <t>09022</t>
  </si>
  <si>
    <t>Formerly known as Comptes Rendus de l'Académie des Sciences - Series I - Mathematics; Transferred back to the society as of 2020</t>
  </si>
  <si>
    <t>https://www.sciencedirect.com/science/journal/1631073X</t>
  </si>
  <si>
    <t>Comptes Rendus Mecanique</t>
  </si>
  <si>
    <t>1631-0721</t>
  </si>
  <si>
    <t>16310721</t>
  </si>
  <si>
    <t>09024</t>
  </si>
  <si>
    <t>Formerly known as Comptes Rendus de l'Académie des Sciences - Series IIB - Mechanics; Transferred back to the society as of 2020</t>
  </si>
  <si>
    <t>https://www.sciencedirect.com/science/journal/16310721</t>
  </si>
  <si>
    <t>Comptes Rendus Palevol</t>
  </si>
  <si>
    <t>1631-0683</t>
  </si>
  <si>
    <t>16310683</t>
  </si>
  <si>
    <t>09112</t>
  </si>
  <si>
    <t>Formerly part of Comptes Rendus de l'Académie des Sciences - Series IIA - Earth and Planetary Science; Transferred back to the society as of 2020</t>
  </si>
  <si>
    <t>https://www.sciencedirect.com/science/journal/16310683</t>
  </si>
  <si>
    <t>Comptes Rendus Physique</t>
  </si>
  <si>
    <t>1631-0705</t>
  </si>
  <si>
    <t>16310705</t>
  </si>
  <si>
    <t>09070</t>
  </si>
  <si>
    <t>https://www.sciencedirect.com/science/journal/16310705</t>
  </si>
  <si>
    <t>Computational and Structural Biotechnology Journal</t>
  </si>
  <si>
    <t>2001-0370</t>
  </si>
  <si>
    <t>20010370</t>
  </si>
  <si>
    <t>18077</t>
  </si>
  <si>
    <t>https://www.sciencedirect.com/science/journal/20010370</t>
  </si>
  <si>
    <t>Computational and Structural Biotechnology Reports</t>
  </si>
  <si>
    <t>2950-3639</t>
  </si>
  <si>
    <t>29503639</t>
  </si>
  <si>
    <t>31775</t>
  </si>
  <si>
    <t>https://www.sciencedirect.com/science/journal/29503639</t>
  </si>
  <si>
    <t>Computer Fraud &amp; Security</t>
  </si>
  <si>
    <t>1361-3723</t>
  </si>
  <si>
    <t>13613723</t>
  </si>
  <si>
    <t>02065</t>
  </si>
  <si>
    <t>Formerly known as Computer Fraud &amp; Security Bulletin; Transferred to Mark Allen Group</t>
  </si>
  <si>
    <t>https://www.sciencedirect.com/science/journal/13613723</t>
  </si>
  <si>
    <t>Computer Methods and Programs in Biomedicine Update</t>
  </si>
  <si>
    <t>2666-9900</t>
  </si>
  <si>
    <t>26669900</t>
  </si>
  <si>
    <t>31060</t>
  </si>
  <si>
    <t>https://www.sciencedirect.com/science/journal/26669900</t>
  </si>
  <si>
    <t>Computers and Education: Artificial Intelligence</t>
  </si>
  <si>
    <t>2666-920X</t>
  </si>
  <si>
    <t>2666920X</t>
  </si>
  <si>
    <t>31024</t>
  </si>
  <si>
    <t>https://www.sciencedirect.com/science/journal/2666920X</t>
  </si>
  <si>
    <t>Computers and Education Open</t>
  </si>
  <si>
    <t>2666-5573</t>
  </si>
  <si>
    <t>26665573</t>
  </si>
  <si>
    <t>30369</t>
  </si>
  <si>
    <t>https://www.sciencedirect.com/science/journal/26665573</t>
  </si>
  <si>
    <t>Computers &amp; Education: X Reality</t>
  </si>
  <si>
    <t>2949-6780</t>
  </si>
  <si>
    <t>29496780</t>
  </si>
  <si>
    <t>31478</t>
  </si>
  <si>
    <t>https://www.sciencedirect.com/science/journal/29496780</t>
  </si>
  <si>
    <t>Computers in Human Behavior: Artificial Humans</t>
  </si>
  <si>
    <t>2949-8821</t>
  </si>
  <si>
    <t>29498821</t>
  </si>
  <si>
    <t>31576</t>
  </si>
  <si>
    <t>https://www.sciencedirect.com/science/journal/29498821</t>
  </si>
  <si>
    <t>Computers in Human Behavior Reports</t>
  </si>
  <si>
    <t>2451-9588</t>
  </si>
  <si>
    <t>24519588</t>
  </si>
  <si>
    <t>30292</t>
  </si>
  <si>
    <t>https://www.sciencedirect.com/science/journal/24519588</t>
  </si>
  <si>
    <t>Contaduría y Administración</t>
  </si>
  <si>
    <t>0186-1042</t>
  </si>
  <si>
    <t>01861042</t>
  </si>
  <si>
    <t>16852</t>
  </si>
  <si>
    <t>https://www.sciencedirect.com/science/journal/01861042</t>
  </si>
  <si>
    <t>Contemporary Clinical Trials Communications</t>
  </si>
  <si>
    <t>2451-8654</t>
  </si>
  <si>
    <t>24518654</t>
  </si>
  <si>
    <t>18844</t>
  </si>
  <si>
    <t>https://www.sciencedirect.com/science/journal/24518654</t>
  </si>
  <si>
    <t>Continence</t>
  </si>
  <si>
    <t>2772-9737</t>
  </si>
  <si>
    <t>27729737</t>
  </si>
  <si>
    <t>31396</t>
  </si>
  <si>
    <t>https://www.sciencedirect.com/science/journal/27729737</t>
  </si>
  <si>
    <t>Continence Reports</t>
  </si>
  <si>
    <t>2772-9745</t>
  </si>
  <si>
    <t>27729745</t>
  </si>
  <si>
    <t>31397</t>
  </si>
  <si>
    <t>https://www.sciencedirect.com/science/journal/27729745</t>
  </si>
  <si>
    <t>Contraception: X</t>
  </si>
  <si>
    <t>2590-1516</t>
  </si>
  <si>
    <t>25901516</t>
  </si>
  <si>
    <t>18945</t>
  </si>
  <si>
    <t>https://www.sciencedirect.com/science/journal/25901516</t>
  </si>
  <si>
    <t>Cor et Vasa</t>
  </si>
  <si>
    <t>0010-8650</t>
  </si>
  <si>
    <t>00108650</t>
  </si>
  <si>
    <t>11004</t>
  </si>
  <si>
    <t>https://www.sciencedirect.com/science/journal/00108650</t>
  </si>
  <si>
    <t>The Cornell Hotel and Restaurant Administration Quarterly</t>
  </si>
  <si>
    <t>0010-8804</t>
  </si>
  <si>
    <t>00108804</t>
  </si>
  <si>
    <t>07625</t>
  </si>
  <si>
    <t>Transferred to the Cornell School of Hotel Administration as of 2004</t>
  </si>
  <si>
    <t>https://www.sciencedirect.com/science/journal/00108804</t>
  </si>
  <si>
    <t>Corporate Environmental Strategy</t>
  </si>
  <si>
    <t>1066-7938</t>
  </si>
  <si>
    <t>10667938</t>
  </si>
  <si>
    <t>07638</t>
  </si>
  <si>
    <t>Transferred to NetLogex as of 2003</t>
  </si>
  <si>
    <t>https://www.sciencedirect.com/science/journal/10667938</t>
  </si>
  <si>
    <t>Corrosion Communications</t>
  </si>
  <si>
    <t>2667-2669</t>
  </si>
  <si>
    <t>26672669</t>
  </si>
  <si>
    <t>31101</t>
  </si>
  <si>
    <t>https://www.sciencedirect.com/science/journal/26672669</t>
  </si>
  <si>
    <t>Critical Care and Resuscitation</t>
  </si>
  <si>
    <t>1441-2772</t>
  </si>
  <si>
    <t>14412772</t>
  </si>
  <si>
    <t>31649</t>
  </si>
  <si>
    <t>https://www.sciencedirect.com/science/journal/14412772</t>
  </si>
  <si>
    <t>Crop Design</t>
  </si>
  <si>
    <t>2772-8994</t>
  </si>
  <si>
    <t>27728994</t>
  </si>
  <si>
    <t>31355</t>
  </si>
  <si>
    <t>https://www.sciencedirect.com/science/journal/27728994</t>
  </si>
  <si>
    <t>Crop and Environment</t>
  </si>
  <si>
    <t>2773-126X</t>
  </si>
  <si>
    <t>2773126X</t>
  </si>
  <si>
    <t>31438</t>
  </si>
  <si>
    <t>https://www.sciencedirect.com/science/journal/2773126X</t>
  </si>
  <si>
    <t>The Crop Journal</t>
  </si>
  <si>
    <t>2214-5141</t>
  </si>
  <si>
    <t>22145141</t>
  </si>
  <si>
    <t>18043</t>
  </si>
  <si>
    <t>https://www.sciencedirect.com/science/journal/22145141</t>
  </si>
  <si>
    <t>Cryptogamie Algologie</t>
  </si>
  <si>
    <t>0181-1568</t>
  </si>
  <si>
    <t>01811568</t>
  </si>
  <si>
    <t>09027</t>
  </si>
  <si>
    <t>Transferred to ADAC - Engineering Services as of 2002</t>
  </si>
  <si>
    <t>https://www.sciencedirect.com/science/journal/01811568</t>
  </si>
  <si>
    <t>Cryptogamie Bryologie</t>
  </si>
  <si>
    <t>1290-0796</t>
  </si>
  <si>
    <t>12900796</t>
  </si>
  <si>
    <t>09028</t>
  </si>
  <si>
    <t>https://www.sciencedirect.com/science/journal/12900796</t>
  </si>
  <si>
    <t>Cryptogamie Mycologie</t>
  </si>
  <si>
    <t>0181-1584</t>
  </si>
  <si>
    <t>01811584</t>
  </si>
  <si>
    <t>09029</t>
  </si>
  <si>
    <t>https://www.sciencedirect.com/science/journal/01811584</t>
  </si>
  <si>
    <t>Cuadernos de Economía</t>
  </si>
  <si>
    <t>0210-0266</t>
  </si>
  <si>
    <t>02100266</t>
  </si>
  <si>
    <t>15960</t>
  </si>
  <si>
    <t>https://www.sciencedirect.com/science/journal/02100266</t>
  </si>
  <si>
    <t>Cuadernos de Economía y Dirección de la Empresa</t>
  </si>
  <si>
    <t>1138-5758</t>
  </si>
  <si>
    <t>11385758</t>
  </si>
  <si>
    <t>Continued as BRQ Business Research Quarterly</t>
  </si>
  <si>
    <t>https://www.sciencedirect.com/science/journal/11385758</t>
  </si>
  <si>
    <t>Cuestiones Constitucionales</t>
  </si>
  <si>
    <t>1405-9193</t>
  </si>
  <si>
    <t>14059193</t>
  </si>
  <si>
    <t>16854</t>
  </si>
  <si>
    <t>https://www.sciencedirect.com/science/journal/14059193</t>
  </si>
  <si>
    <t>Current Developments in Nutrition</t>
  </si>
  <si>
    <t>2475-2991</t>
  </si>
  <si>
    <t>24752991</t>
  </si>
  <si>
    <t>31527</t>
  </si>
  <si>
    <t>https://www.sciencedirect.com/science/journal/24752991</t>
  </si>
  <si>
    <t>Current Medicine Research and Practice</t>
  </si>
  <si>
    <t>2352-0817</t>
  </si>
  <si>
    <t>23520817</t>
  </si>
  <si>
    <t>17731</t>
  </si>
  <si>
    <t>Transferred to Wolters Kluwer</t>
  </si>
  <si>
    <t>https://www.sciencedirect.com/science/journal/23520817</t>
  </si>
  <si>
    <t>Current Plant Biology</t>
  </si>
  <si>
    <t>2214-6628</t>
  </si>
  <si>
    <t>22146628</t>
  </si>
  <si>
    <t>18047</t>
  </si>
  <si>
    <t>https://www.sciencedirect.com/science/journal/22146628</t>
  </si>
  <si>
    <t>Current Problems in Cancer: Case Reports</t>
  </si>
  <si>
    <t>2666-6219</t>
  </si>
  <si>
    <t>26666219</t>
  </si>
  <si>
    <t>30391</t>
  </si>
  <si>
    <t>https://www.sciencedirect.com/science/journal/26666219</t>
  </si>
  <si>
    <t>Current Research in Behavioral Sciences</t>
  </si>
  <si>
    <t>2666-5182</t>
  </si>
  <si>
    <t>26665182</t>
  </si>
  <si>
    <t>30350</t>
  </si>
  <si>
    <t>https://www.sciencedirect.com/science/journal/26665182</t>
  </si>
  <si>
    <t>Current Research in Biotechnology</t>
  </si>
  <si>
    <t>2590-2628</t>
  </si>
  <si>
    <t>25902628</t>
  </si>
  <si>
    <t>30103</t>
  </si>
  <si>
    <t>https://www.sciencedirect.com/science/journal/25902628</t>
  </si>
  <si>
    <t>Current Research in Cell Biology</t>
  </si>
  <si>
    <t>2590-2636</t>
  </si>
  <si>
    <t>25902636</t>
  </si>
  <si>
    <t>30102</t>
  </si>
  <si>
    <t>https://www.sciencedirect.com/science/journal/25902636</t>
  </si>
  <si>
    <t>Current Research in Chemical Biology</t>
  </si>
  <si>
    <t>2666-2469</t>
  </si>
  <si>
    <t>26662469</t>
  </si>
  <si>
    <t>30264</t>
  </si>
  <si>
    <t>https://www.sciencedirect.com/science/journal/26662469</t>
  </si>
  <si>
    <t>Current Research in Ecological and Social Psychology</t>
  </si>
  <si>
    <t>2666-6227</t>
  </si>
  <si>
    <t>26666227</t>
  </si>
  <si>
    <t>30393</t>
  </si>
  <si>
    <t>https://www.sciencedirect.com/science/journal/26666227</t>
  </si>
  <si>
    <t>Current Research in Environmental Sustainability</t>
  </si>
  <si>
    <t>2666-0490</t>
  </si>
  <si>
    <t>26660490</t>
  </si>
  <si>
    <t>30172</t>
  </si>
  <si>
    <t>https://www.sciencedirect.com/science/journal/26660490</t>
  </si>
  <si>
    <t>Current Research in Food Science</t>
  </si>
  <si>
    <t>2665-9271</t>
  </si>
  <si>
    <t>26659271</t>
  </si>
  <si>
    <t>30134</t>
  </si>
  <si>
    <t>https://www.sciencedirect.com/science/journal/26659271</t>
  </si>
  <si>
    <t>Current Research in Green and Sustainable Chemistry</t>
  </si>
  <si>
    <t>2666-0865</t>
  </si>
  <si>
    <t>26660865</t>
  </si>
  <si>
    <t>30184</t>
  </si>
  <si>
    <t>https://www.sciencedirect.com/science/journal/26660865</t>
  </si>
  <si>
    <t>Current Research in Immunology</t>
  </si>
  <si>
    <t>2590-2555</t>
  </si>
  <si>
    <t>25902555</t>
  </si>
  <si>
    <t>30136</t>
  </si>
  <si>
    <t>https://www.sciencedirect.com/science/journal/25902555</t>
  </si>
  <si>
    <t>Current Research in Insect Science</t>
  </si>
  <si>
    <t>2666-5158</t>
  </si>
  <si>
    <t>26665158</t>
  </si>
  <si>
    <t>30352</t>
  </si>
  <si>
    <t>https://www.sciencedirect.com/science/journal/26665158</t>
  </si>
  <si>
    <t>Current Research in Microbial Sciences</t>
  </si>
  <si>
    <t>2666-5174</t>
  </si>
  <si>
    <t>26665174</t>
  </si>
  <si>
    <t>30349</t>
  </si>
  <si>
    <t>https://www.sciencedirect.com/science/journal/26665174</t>
  </si>
  <si>
    <t>Current Research in Neurobiology</t>
  </si>
  <si>
    <t>2665-945X</t>
  </si>
  <si>
    <t>2665945X</t>
  </si>
  <si>
    <t>30142</t>
  </si>
  <si>
    <t>https://www.sciencedirect.com/science/journal/2665945X</t>
  </si>
  <si>
    <t>Current Research in Parasitology and Vector-Borne Diseases</t>
  </si>
  <si>
    <t>2667-114X</t>
  </si>
  <si>
    <t>2667114X</t>
  </si>
  <si>
    <t>31122</t>
  </si>
  <si>
    <t>https://www.sciencedirect.com/science/journal/2667114X</t>
  </si>
  <si>
    <t>Current Research in Pharmacology and Drug Discovery</t>
  </si>
  <si>
    <t>2590-2571</t>
  </si>
  <si>
    <t>25902571</t>
  </si>
  <si>
    <t>30133</t>
  </si>
  <si>
    <t>https://www.sciencedirect.com/science/journal/25902571</t>
  </si>
  <si>
    <t>Current Research in Physiology</t>
  </si>
  <si>
    <t>2665-9441</t>
  </si>
  <si>
    <t>26659441</t>
  </si>
  <si>
    <t>30143</t>
  </si>
  <si>
    <t>https://www.sciencedirect.com/science/journal/26659441</t>
  </si>
  <si>
    <t>Current Research in Structural Biology</t>
  </si>
  <si>
    <t>2665-928X</t>
  </si>
  <si>
    <t>2665928X</t>
  </si>
  <si>
    <t>30138</t>
  </si>
  <si>
    <t>https://www.sciencedirect.com/science/journal/2665928X</t>
  </si>
  <si>
    <t>Current Research in Toxicology</t>
  </si>
  <si>
    <t>2666-027X</t>
  </si>
  <si>
    <t>2666027X</t>
  </si>
  <si>
    <t>30166</t>
  </si>
  <si>
    <t>https://www.sciencedirect.com/science/journal/2666027X</t>
  </si>
  <si>
    <t>Current Research in Virological Science</t>
  </si>
  <si>
    <t>2666-478X</t>
  </si>
  <si>
    <t>2666478X</t>
  </si>
  <si>
    <t>30318</t>
  </si>
  <si>
    <t>Title discontinued as of 2023</t>
  </si>
  <si>
    <t>https://www.sciencedirect.com/science/journal/2666478X</t>
  </si>
  <si>
    <t>Cyber Security and Applications</t>
  </si>
  <si>
    <t>2772-9184</t>
  </si>
  <si>
    <t>27729184</t>
  </si>
  <si>
    <t>31379</t>
  </si>
  <si>
    <t>https://www.sciencedirect.com/science/journal/27729184</t>
  </si>
  <si>
    <t>Cyber-Physical Energy Systems</t>
  </si>
  <si>
    <t>3050-7448</t>
  </si>
  <si>
    <t>30507448</t>
  </si>
  <si>
    <t>32096</t>
  </si>
  <si>
    <t>https://www.sciencedirect.com/science/journal/30507448</t>
  </si>
  <si>
    <t>Cytokine: X</t>
  </si>
  <si>
    <t>2590-1532</t>
  </si>
  <si>
    <t>25901532</t>
  </si>
  <si>
    <t>18943</t>
  </si>
  <si>
    <t>https://www.sciencedirect.com/science/journal/25901532</t>
  </si>
  <si>
    <t>Data in Brief</t>
  </si>
  <si>
    <t>2352-3409</t>
  </si>
  <si>
    <t>23523409</t>
  </si>
  <si>
    <t>18754</t>
  </si>
  <si>
    <t>https://www.sciencedirect.com/science/journal/23523409</t>
  </si>
  <si>
    <t>Data and Information Management</t>
  </si>
  <si>
    <t>2543-9251</t>
  </si>
  <si>
    <t>25439251</t>
  </si>
  <si>
    <t>31435</t>
  </si>
  <si>
    <t>https://www.sciencedirect.com/science/journal/25439251</t>
  </si>
  <si>
    <t>Data Science and Informetrics</t>
  </si>
  <si>
    <t>2694-6106</t>
  </si>
  <si>
    <t>26946106</t>
  </si>
  <si>
    <t>32066</t>
  </si>
  <si>
    <t>https://www.sciencedirect.com/science/journal/26946106</t>
  </si>
  <si>
    <t>Debate Feminista</t>
  </si>
  <si>
    <t>0188-9478</t>
  </si>
  <si>
    <t>01889478</t>
  </si>
  <si>
    <t>16419</t>
  </si>
  <si>
    <t>https://www.sciencedirect.com/science/journal/01889478</t>
  </si>
  <si>
    <t>DeCarbon</t>
  </si>
  <si>
    <t>2949-8813</t>
  </si>
  <si>
    <t>29498813</t>
  </si>
  <si>
    <t>31575</t>
  </si>
  <si>
    <t>https://www.sciencedirect.com/science/journal/29498813</t>
  </si>
  <si>
    <t>Decision Analytics Journal</t>
  </si>
  <si>
    <t>2772-6622</t>
  </si>
  <si>
    <t>27726622</t>
  </si>
  <si>
    <t>31297</t>
  </si>
  <si>
    <t>https://www.sciencedirect.com/science/journal/27726622</t>
  </si>
  <si>
    <t>Decoding Infection and Transmission</t>
  </si>
  <si>
    <t>2949-9240</t>
  </si>
  <si>
    <t>29499240</t>
  </si>
  <si>
    <t>31600</t>
  </si>
  <si>
    <t>https://www.sciencedirect.com/science/journal/29499240</t>
  </si>
  <si>
    <t>Deep Brain Stimulation</t>
  </si>
  <si>
    <t>2949-6691</t>
  </si>
  <si>
    <t>29496691</t>
  </si>
  <si>
    <t>31476</t>
  </si>
  <si>
    <t>https://www.sciencedirect.com/science/journal/29496691</t>
  </si>
  <si>
    <t>Defence Technology</t>
  </si>
  <si>
    <t>2214-9147</t>
  </si>
  <si>
    <t>22149147</t>
  </si>
  <si>
    <t>17039</t>
  </si>
  <si>
    <t>https://www.sciencedirect.com/science/journal/22149147</t>
  </si>
  <si>
    <t>Dental Cadmos</t>
  </si>
  <si>
    <t>0011-8524</t>
  </si>
  <si>
    <t>00118524</t>
  </si>
  <si>
    <t>15809</t>
  </si>
  <si>
    <t>Transferred to Edra/LSWR as of 2013</t>
  </si>
  <si>
    <t>https://www.sciencedirect.com/science/journal/00118524</t>
  </si>
  <si>
    <t>Dentistry Review</t>
  </si>
  <si>
    <t>2772-5596</t>
  </si>
  <si>
    <t>27725596</t>
  </si>
  <si>
    <t>31262</t>
  </si>
  <si>
    <t>https://www.sciencedirect.com/science/journal/27725596</t>
  </si>
  <si>
    <t>Dermatologica Sinica</t>
  </si>
  <si>
    <t>1027-8117</t>
  </si>
  <si>
    <t>10278117</t>
  </si>
  <si>
    <t>08712</t>
  </si>
  <si>
    <t>Transferred to Wolters Kluwer as of 2019</t>
  </si>
  <si>
    <t>https://www.sciencedirect.com/science/journal/10278117</t>
  </si>
  <si>
    <t>Design and Artificial Intelligence</t>
  </si>
  <si>
    <t>3050-7413</t>
  </si>
  <si>
    <t>30507413</t>
  </si>
  <si>
    <t>32094</t>
  </si>
  <si>
    <t>https://www.sciencedirect.com/science/journal/30507413</t>
  </si>
  <si>
    <t>Deutsche Zeitschrift für Akupunktur</t>
  </si>
  <si>
    <t>0415-6412</t>
  </si>
  <si>
    <t>04156412</t>
  </si>
  <si>
    <t>10040</t>
  </si>
  <si>
    <t>Transferred to Springer Verlag as of 2018</t>
  </si>
  <si>
    <t>https://www.sciencedirect.com/science/journal/04156412</t>
  </si>
  <si>
    <t>Development Engineering</t>
  </si>
  <si>
    <t>2352-7285</t>
  </si>
  <si>
    <t>23527285</t>
  </si>
  <si>
    <t>18137</t>
  </si>
  <si>
    <t>https://www.sciencedirect.com/science/journal/23527285</t>
  </si>
  <si>
    <t>Developmental Cognitive Neuroscience</t>
  </si>
  <si>
    <t>1878-9293</t>
  </si>
  <si>
    <t>18789293</t>
  </si>
  <si>
    <t>05648</t>
  </si>
  <si>
    <t>https://www.sciencedirect.com/science/journal/18789293</t>
  </si>
  <si>
    <t>Developments in the Built Environment</t>
  </si>
  <si>
    <t>2666-1659</t>
  </si>
  <si>
    <t>26661659</t>
  </si>
  <si>
    <t>30245</t>
  </si>
  <si>
    <t>https://www.sciencedirect.com/science/journal/26661659</t>
  </si>
  <si>
    <t>Diabetes Epidemiology and Management</t>
  </si>
  <si>
    <t>2666-9706</t>
  </si>
  <si>
    <t>26669706</t>
  </si>
  <si>
    <t>31045</t>
  </si>
  <si>
    <t>https://www.sciencedirect.com/science/journal/26669706</t>
  </si>
  <si>
    <t>Diagnóstico Prenatal</t>
  </si>
  <si>
    <t>2173-4127</t>
  </si>
  <si>
    <t>21734127</t>
  </si>
  <si>
    <t>15957</t>
  </si>
  <si>
    <t>Transferred back to the society as of 2014</t>
  </si>
  <si>
    <t>https://www.sciencedirect.com/science/journal/21734127</t>
  </si>
  <si>
    <t>Diagnostics in Neuropsychiatry</t>
  </si>
  <si>
    <t>2405-8017</t>
  </si>
  <si>
    <t>24058017</t>
  </si>
  <si>
    <t>18830</t>
  </si>
  <si>
    <t>Title discontinued as of 2016</t>
  </si>
  <si>
    <t>https://www.sciencedirect.com/science/journal/24058017</t>
  </si>
  <si>
    <t>Diálisis y Trasplante</t>
  </si>
  <si>
    <t>1886-2845</t>
  </si>
  <si>
    <t>18862845</t>
  </si>
  <si>
    <t>15746</t>
  </si>
  <si>
    <t>https://www.sciencedirect.com/science/journal/18862845</t>
  </si>
  <si>
    <t>Dialogues in Health</t>
  </si>
  <si>
    <t>2772-6533</t>
  </si>
  <si>
    <t>27726533</t>
  </si>
  <si>
    <t>31304</t>
  </si>
  <si>
    <t>https://www.sciencedirect.com/science/journal/27726533</t>
  </si>
  <si>
    <t>Digital Business</t>
  </si>
  <si>
    <t>2666-9544</t>
  </si>
  <si>
    <t>26669544</t>
  </si>
  <si>
    <t>31030</t>
  </si>
  <si>
    <t>https://www.sciencedirect.com/science/journal/26669544</t>
  </si>
  <si>
    <t>Digital Chemical Engineering</t>
  </si>
  <si>
    <t>2772-5081</t>
  </si>
  <si>
    <t>27725081</t>
  </si>
  <si>
    <t>31256</t>
  </si>
  <si>
    <t>https://www.sciencedirect.com/science/journal/27725081</t>
  </si>
  <si>
    <t>Digital Chinese Medicine</t>
  </si>
  <si>
    <t>2589-3777</t>
  </si>
  <si>
    <t>25893777</t>
  </si>
  <si>
    <t>18431</t>
  </si>
  <si>
    <t>https://www.sciencedirect.com/science/journal/25893777</t>
  </si>
  <si>
    <t>Digital Communications and Networks</t>
  </si>
  <si>
    <t>2352-8648</t>
  </si>
  <si>
    <t>23528648</t>
  </si>
  <si>
    <t>18142</t>
  </si>
  <si>
    <t>https://www.sciencedirect.com/science/journal/23528648</t>
  </si>
  <si>
    <t>Digital Dentistry Journal</t>
  </si>
  <si>
    <t>2950-6433</t>
  </si>
  <si>
    <t>29506433</t>
  </si>
  <si>
    <t>31951</t>
  </si>
  <si>
    <t>https://www.sciencedirect.com/science/journal/29506433</t>
  </si>
  <si>
    <t>Digital Geography and Society</t>
  </si>
  <si>
    <t>2666-3783</t>
  </si>
  <si>
    <t>26663783</t>
  </si>
  <si>
    <t>30301</t>
  </si>
  <si>
    <t>https://www.sciencedirect.com/science/journal/26663783</t>
  </si>
  <si>
    <t>Drug and Alcohol Dependence Reports</t>
  </si>
  <si>
    <t>2772-7246</t>
  </si>
  <si>
    <t>27727246</t>
  </si>
  <si>
    <t>31325</t>
  </si>
  <si>
    <t>https://www.sciencedirect.com/science/journal/27727246</t>
  </si>
  <si>
    <t>Drug Invention Today</t>
  </si>
  <si>
    <t>0975-7619</t>
  </si>
  <si>
    <t>09757619</t>
  </si>
  <si>
    <t>18013</t>
  </si>
  <si>
    <t>Transferred back to JPR Solutions as of 2014</t>
  </si>
  <si>
    <t>https://www.sciencedirect.com/science/journal/09757619</t>
  </si>
  <si>
    <t>Earth Critical Zone</t>
  </si>
  <si>
    <t>2950-4767</t>
  </si>
  <si>
    <t>29504767</t>
  </si>
  <si>
    <t>31800</t>
  </si>
  <si>
    <t>https://www.sciencedirect.com/science/journal/29504767</t>
  </si>
  <si>
    <t>Earth History and Biodiversity</t>
  </si>
  <si>
    <t>2950-4759</t>
  </si>
  <si>
    <t>29504759</t>
  </si>
  <si>
    <t>31795</t>
  </si>
  <si>
    <t>https://www.sciencedirect.com/science/journal/29504759</t>
  </si>
  <si>
    <t>Earth System Governance</t>
  </si>
  <si>
    <t>2589-8116</t>
  </si>
  <si>
    <t>25898116</t>
  </si>
  <si>
    <t>18442</t>
  </si>
  <si>
    <t>https://www.sciencedirect.com/science/journal/25898116</t>
  </si>
  <si>
    <t>Earthquake Research Advances</t>
  </si>
  <si>
    <t>2772-4670</t>
  </si>
  <si>
    <t>27724670</t>
  </si>
  <si>
    <t>31248</t>
  </si>
  <si>
    <t>https://www.sciencedirect.com/science/journal/27724670</t>
  </si>
  <si>
    <t>Earthquake Science</t>
  </si>
  <si>
    <t>1674-4519</t>
  </si>
  <si>
    <t>16744519</t>
  </si>
  <si>
    <t>31408</t>
  </si>
  <si>
    <t>https://www.sciencedirect.com/science/journal/16744519</t>
  </si>
  <si>
    <t>EBioMedicine</t>
  </si>
  <si>
    <t>2352-3964</t>
  </si>
  <si>
    <t>23523964</t>
  </si>
  <si>
    <t>18079</t>
  </si>
  <si>
    <t>https://www.sciencedirect.com/science/journal/23523964</t>
  </si>
  <si>
    <t>EClinicalMedicine</t>
  </si>
  <si>
    <t>2589-5370</t>
  </si>
  <si>
    <t>25895370</t>
  </si>
  <si>
    <t>18435</t>
  </si>
  <si>
    <t>https://www.sciencedirect.com/science/journal/25895370</t>
  </si>
  <si>
    <t>Eco-Environment &amp; Health</t>
  </si>
  <si>
    <t>2772-9850</t>
  </si>
  <si>
    <t>27729850</t>
  </si>
  <si>
    <t>31400</t>
  </si>
  <si>
    <t>https://www.sciencedirect.com/science/journal/27729850</t>
  </si>
  <si>
    <t>Ecological Engineering: X</t>
  </si>
  <si>
    <t>2590-2903</t>
  </si>
  <si>
    <t>25902903</t>
  </si>
  <si>
    <t>18479</t>
  </si>
  <si>
    <t>https://www.sciencedirect.com/science/journal/25902903</t>
  </si>
  <si>
    <t>EconomiA</t>
  </si>
  <si>
    <t>1517-7580</t>
  </si>
  <si>
    <t>15177580</t>
  </si>
  <si>
    <t>18044</t>
  </si>
  <si>
    <t>https://www.sciencedirect.com/science/journal/15177580</t>
  </si>
  <si>
    <t>Economía Informa</t>
  </si>
  <si>
    <t>0185-0849</t>
  </si>
  <si>
    <t>01850849</t>
  </si>
  <si>
    <t>16853</t>
  </si>
  <si>
    <t>https://www.sciencedirect.com/science/journal/01850849</t>
  </si>
  <si>
    <t>Economía UNAM</t>
  </si>
  <si>
    <t>1665-952X</t>
  </si>
  <si>
    <t>1665952X</t>
  </si>
  <si>
    <t>16858</t>
  </si>
  <si>
    <t>https://www.sciencedirect.com/science/journal/1665952X</t>
  </si>
  <si>
    <t>Educación Médica</t>
  </si>
  <si>
    <t>1575-1813</t>
  </si>
  <si>
    <t>15751813</t>
  </si>
  <si>
    <t>16373</t>
  </si>
  <si>
    <t>https://www.sciencedirect.com/science/journal/15751813</t>
  </si>
  <si>
    <t>Educación Química</t>
  </si>
  <si>
    <t>0187-893X</t>
  </si>
  <si>
    <t>0187893X</t>
  </si>
  <si>
    <t>16871</t>
  </si>
  <si>
    <t>https://www.sciencedirect.com/science/journal/0187893X</t>
  </si>
  <si>
    <t>EFB Bioeconomy Journal</t>
  </si>
  <si>
    <t>2667-0410</t>
  </si>
  <si>
    <t>26670410</t>
  </si>
  <si>
    <t>31088</t>
  </si>
  <si>
    <t>https://www.sciencedirect.com/science/journal/26670410</t>
  </si>
  <si>
    <t>The Egyptian Heart Journal</t>
  </si>
  <si>
    <t>1110-2608</t>
  </si>
  <si>
    <t>11102608</t>
  </si>
  <si>
    <t>08793</t>
  </si>
  <si>
    <t>https://www.sciencedirect.com/science/journal/11102608</t>
  </si>
  <si>
    <t>Egyptian Informatics Journal</t>
  </si>
  <si>
    <t>1110-8665</t>
  </si>
  <si>
    <t>11108665</t>
  </si>
  <si>
    <t>08716</t>
  </si>
  <si>
    <t>https://www.sciencedirect.com/science/journal/11108665</t>
  </si>
  <si>
    <t>Egyptian Journal of Anaesthesia</t>
  </si>
  <si>
    <t>1110-1849</t>
  </si>
  <si>
    <t>11101849</t>
  </si>
  <si>
    <t>08726</t>
  </si>
  <si>
    <t>Transferred to Taylor &amp; Francis as of 2019</t>
  </si>
  <si>
    <t>https://www.sciencedirect.com/science/journal/11101849</t>
  </si>
  <si>
    <t>The Egyptian Journal of Aquatic Research</t>
  </si>
  <si>
    <t>1687-4285</t>
  </si>
  <si>
    <t>16874285</t>
  </si>
  <si>
    <t>10142</t>
  </si>
  <si>
    <t>https://www.sciencedirect.com/science/journal/16874285</t>
  </si>
  <si>
    <t>Egyptian Journal of Basic and Applied Sciences</t>
  </si>
  <si>
    <t>2314-808X</t>
  </si>
  <si>
    <t>2314808X</t>
  </si>
  <si>
    <t>17036</t>
  </si>
  <si>
    <t>https://www.sciencedirect.com/science/journal/2314808X</t>
  </si>
  <si>
    <t>Egyptian Journal of Chest Diseases and Tuberculosis</t>
  </si>
  <si>
    <t>0422-7638</t>
  </si>
  <si>
    <t>04227638</t>
  </si>
  <si>
    <t>10152</t>
  </si>
  <si>
    <t>https://www.sciencedirect.com/science/journal/04227638</t>
  </si>
  <si>
    <t>The Egyptian Journal of Critical Care Medicine</t>
  </si>
  <si>
    <t>2090-7303</t>
  </si>
  <si>
    <t>20907303</t>
  </si>
  <si>
    <t>10111</t>
  </si>
  <si>
    <t>Transferred to Wolters Kluwer Health as of 2019</t>
  </si>
  <si>
    <t>https://www.sciencedirect.com/science/journal/20907303</t>
  </si>
  <si>
    <t>Egyptian Journal of Ear, Nose, Throat and Allied Sciences</t>
  </si>
  <si>
    <t>2090-0740</t>
  </si>
  <si>
    <t>20900740</t>
  </si>
  <si>
    <t>08762</t>
  </si>
  <si>
    <t>https://www.sciencedirect.com/science/journal/20900740</t>
  </si>
  <si>
    <t>Egyptian Journal of Forensic Sciences</t>
  </si>
  <si>
    <t>2090-536X</t>
  </si>
  <si>
    <t>2090536X</t>
  </si>
  <si>
    <t>08761</t>
  </si>
  <si>
    <t>https://www.sciencedirect.com/science/journal/2090536X</t>
  </si>
  <si>
    <t>Egyptian Journal of Medical Human Genetics</t>
  </si>
  <si>
    <t>1110-8630</t>
  </si>
  <si>
    <t>11108630</t>
  </si>
  <si>
    <t>08730</t>
  </si>
  <si>
    <t>https://www.sciencedirect.com/science/journal/11108630</t>
  </si>
  <si>
    <t>Egyptian Journal of Petroleum</t>
  </si>
  <si>
    <t>1110-0621</t>
  </si>
  <si>
    <t>11100621</t>
  </si>
  <si>
    <t>08781</t>
  </si>
  <si>
    <t>https://www.sciencedirect.com/science/journal/11100621</t>
  </si>
  <si>
    <t>The Egyptian Journal of Radiology and Nuclear Medicine</t>
  </si>
  <si>
    <t>0378-603X</t>
  </si>
  <si>
    <t>0378603X</t>
  </si>
  <si>
    <t>08722</t>
  </si>
  <si>
    <t>https://www.sciencedirect.com/science/journal/0378603X</t>
  </si>
  <si>
    <t>The Egyptian Journal of Remote Sensing and Space Science</t>
  </si>
  <si>
    <t>1110-9823</t>
  </si>
  <si>
    <t>11109823</t>
  </si>
  <si>
    <t>08717</t>
  </si>
  <si>
    <t>https://www.sciencedirect.com/science/journal/11109823</t>
  </si>
  <si>
    <t>Egyptian Pediatric Association Gazette</t>
  </si>
  <si>
    <t>1110-6638</t>
  </si>
  <si>
    <t>11106638</t>
  </si>
  <si>
    <t>18017</t>
  </si>
  <si>
    <t>https://www.sciencedirect.com/science/journal/11106638</t>
  </si>
  <si>
    <t>EJC Pediatric Oncology</t>
  </si>
  <si>
    <t>2772-610X</t>
  </si>
  <si>
    <t>2772610X</t>
  </si>
  <si>
    <t>31279</t>
  </si>
  <si>
    <t>https://www.sciencedirect.com/science/journal/2772610X</t>
  </si>
  <si>
    <t>EJC Skin Cancer</t>
  </si>
  <si>
    <t>2772-6118</t>
  </si>
  <si>
    <t>27726118</t>
  </si>
  <si>
    <t>31284</t>
  </si>
  <si>
    <t>https://www.sciencedirect.com/science/journal/27726118</t>
  </si>
  <si>
    <t>EJVES Extra</t>
  </si>
  <si>
    <t>1533-3167</t>
  </si>
  <si>
    <t>15333167</t>
  </si>
  <si>
    <t>12999</t>
  </si>
  <si>
    <t>Continued as EJVES Short Reports</t>
  </si>
  <si>
    <t>https://www.sciencedirect.com/science/journal/15333167</t>
  </si>
  <si>
    <t>EJVES Vascular Forum</t>
  </si>
  <si>
    <t>2666-688X</t>
  </si>
  <si>
    <t>2666688X</t>
  </si>
  <si>
    <t>Formerly known as EJVES Short Reports</t>
  </si>
  <si>
    <t>https://www.sciencedirect.com/science/journal/2666688X</t>
  </si>
  <si>
    <t>Electronic Journal of Biotechnology</t>
  </si>
  <si>
    <t>0717-3458</t>
  </si>
  <si>
    <t>07173458</t>
  </si>
  <si>
    <t>17072</t>
  </si>
  <si>
    <t>https://www.sciencedirect.com/science/journal/07173458</t>
  </si>
  <si>
    <t>Electronic Notes in Theoretical Computer Science</t>
  </si>
  <si>
    <t>1571-0661</t>
  </si>
  <si>
    <t>15710661</t>
  </si>
  <si>
    <t>05486</t>
  </si>
  <si>
    <t>https://www.sciencedirect.com/science/journal/15710661</t>
  </si>
  <si>
    <t>Emerging Animal Species</t>
  </si>
  <si>
    <t>2772-8137</t>
  </si>
  <si>
    <t>27728137</t>
  </si>
  <si>
    <t>31356</t>
  </si>
  <si>
    <t>https://www.sciencedirect.com/science/journal/27728137</t>
  </si>
  <si>
    <t>Emerging Contaminants</t>
  </si>
  <si>
    <t>2405-6650</t>
  </si>
  <si>
    <t>24056650</t>
  </si>
  <si>
    <t>18170</t>
  </si>
  <si>
    <t>https://www.sciencedirect.com/science/journal/24056650</t>
  </si>
  <si>
    <t>Emerging Trends in Drugs, Addictions, and Health</t>
  </si>
  <si>
    <t>2667-1182</t>
  </si>
  <si>
    <t>26671182</t>
  </si>
  <si>
    <t>31125</t>
  </si>
  <si>
    <t>https://www.sciencedirect.com/science/journal/26671182</t>
  </si>
  <si>
    <t>Endocrine and Metabolic Science</t>
  </si>
  <si>
    <t>2666-3961</t>
  </si>
  <si>
    <t>26663961</t>
  </si>
  <si>
    <t>30314</t>
  </si>
  <si>
    <t>https://www.sciencedirect.com/science/journal/26663961</t>
  </si>
  <si>
    <t>Endoscopia</t>
  </si>
  <si>
    <t>0188-9893</t>
  </si>
  <si>
    <t>01889893</t>
  </si>
  <si>
    <t>14301</t>
  </si>
  <si>
    <t>https://www.sciencedirect.com/science/journal/01889893</t>
  </si>
  <si>
    <t>Energetic Materials Frontiers</t>
  </si>
  <si>
    <t>2666-6472</t>
  </si>
  <si>
    <t>26666472</t>
  </si>
  <si>
    <t>30404</t>
  </si>
  <si>
    <t>https://www.sciencedirect.com/science/journal/26666472</t>
  </si>
  <si>
    <t>Energy and AI</t>
  </si>
  <si>
    <t>2666-5468</t>
  </si>
  <si>
    <t>26665468</t>
  </si>
  <si>
    <t>30368</t>
  </si>
  <si>
    <t>https://www.sciencedirect.com/science/journal/26665468</t>
  </si>
  <si>
    <t>Energy and Built Environment</t>
  </si>
  <si>
    <t>2666-1233</t>
  </si>
  <si>
    <t>26661233</t>
  </si>
  <si>
    <t>30190</t>
  </si>
  <si>
    <t>https://www.sciencedirect.com/science/journal/26661233</t>
  </si>
  <si>
    <t>Energy Conversion and Management: X</t>
  </si>
  <si>
    <t>2590-1745</t>
  </si>
  <si>
    <t>25901745</t>
  </si>
  <si>
    <t>18472</t>
  </si>
  <si>
    <t>https://www.sciencedirect.com/science/journal/25901745</t>
  </si>
  <si>
    <t>Energy Efficiency First</t>
  </si>
  <si>
    <t>2950-1563</t>
  </si>
  <si>
    <t>29501563</t>
  </si>
  <si>
    <t>31643</t>
  </si>
  <si>
    <t>https://www.sciencedirect.com/science/journal/29501563</t>
  </si>
  <si>
    <t>Energy Geoscience</t>
  </si>
  <si>
    <t>2666-7592</t>
  </si>
  <si>
    <t>26667592</t>
  </si>
  <si>
    <t>30435</t>
  </si>
  <si>
    <t>https://www.sciencedirect.com/science/journal/26667592</t>
  </si>
  <si>
    <t>Energy Nexus</t>
  </si>
  <si>
    <t>2772-4271</t>
  </si>
  <si>
    <t>27724271</t>
  </si>
  <si>
    <t>31242</t>
  </si>
  <si>
    <t>https://www.sciencedirect.com/science/journal/27724271</t>
  </si>
  <si>
    <t>Energy Procedia</t>
  </si>
  <si>
    <t>1876-6102</t>
  </si>
  <si>
    <t>18766102</t>
  </si>
  <si>
    <t>05615</t>
  </si>
  <si>
    <t>https://www.sciencedirect.com/science/journal/18766102</t>
  </si>
  <si>
    <t>Energy Reports</t>
  </si>
  <si>
    <t>2352-4847</t>
  </si>
  <si>
    <t>23524847</t>
  </si>
  <si>
    <t>18082</t>
  </si>
  <si>
    <t>https://www.sciencedirect.com/science/journal/23524847</t>
  </si>
  <si>
    <t>Energy Reviews</t>
  </si>
  <si>
    <t>2772-9702</t>
  </si>
  <si>
    <t>27729702</t>
  </si>
  <si>
    <t>31389</t>
  </si>
  <si>
    <t>https://www.sciencedirect.com/science/journal/27729702</t>
  </si>
  <si>
    <t>eNeurologicalSci</t>
  </si>
  <si>
    <t>2405-6502</t>
  </si>
  <si>
    <t>24056502</t>
  </si>
  <si>
    <t>13000</t>
  </si>
  <si>
    <t>https://www.sciencedirect.com/science/journal/24056502</t>
  </si>
  <si>
    <t>Enfermedad Inflamatoria Intestinal al Día</t>
  </si>
  <si>
    <t>1696-7801</t>
  </si>
  <si>
    <t>16967801</t>
  </si>
  <si>
    <t>16846</t>
  </si>
  <si>
    <t>https://www.sciencedirect.com/science/journal/16967801</t>
  </si>
  <si>
    <t>Enfermería Universitaria</t>
  </si>
  <si>
    <t>1665-7063</t>
  </si>
  <si>
    <t>16657063</t>
  </si>
  <si>
    <t>14309</t>
  </si>
  <si>
    <t>https://www.sciencedirect.com/science/journal/16657063</t>
  </si>
  <si>
    <t>Engineered Regeneration</t>
  </si>
  <si>
    <t>2666-1381</t>
  </si>
  <si>
    <t>26661381</t>
  </si>
  <si>
    <t>30230</t>
  </si>
  <si>
    <t>https://www.sciencedirect.com/science/journal/26661381</t>
  </si>
  <si>
    <t>Engineering</t>
  </si>
  <si>
    <t>2095-8099</t>
  </si>
  <si>
    <t>20958099</t>
  </si>
  <si>
    <t>18313</t>
  </si>
  <si>
    <t>https://www.sciencedirect.com/science/journal/20958099</t>
  </si>
  <si>
    <t>Engineering in Agriculture, Environment and Food</t>
  </si>
  <si>
    <t>1881-8366</t>
  </si>
  <si>
    <t>18818366</t>
  </si>
  <si>
    <t>17061</t>
  </si>
  <si>
    <t>https://www.sciencedirect.com/science/journal/18818366</t>
  </si>
  <si>
    <t>Engineering Microbiology</t>
  </si>
  <si>
    <t>2667-3703</t>
  </si>
  <si>
    <t>26673703</t>
  </si>
  <si>
    <t>31173</t>
  </si>
  <si>
    <t>https://www.sciencedirect.com/science/journal/26673703</t>
  </si>
  <si>
    <t>Engineering Science and Technology, an International Journal</t>
  </si>
  <si>
    <t>2215-0986</t>
  </si>
  <si>
    <t>22150986</t>
  </si>
  <si>
    <t>18052</t>
  </si>
  <si>
    <t>https://www.sciencedirect.com/science/journal/22150986</t>
  </si>
  <si>
    <t>Ensayos sobre Política Económica</t>
  </si>
  <si>
    <t>0120-4483</t>
  </si>
  <si>
    <t>01204483</t>
  </si>
  <si>
    <t>16824</t>
  </si>
  <si>
    <t>https://www.sciencedirect.com/science/journal/01204483</t>
  </si>
  <si>
    <t>Environmental Advances</t>
  </si>
  <si>
    <t>2666-7657</t>
  </si>
  <si>
    <t>26667657</t>
  </si>
  <si>
    <t>30436</t>
  </si>
  <si>
    <t>https://www.sciencedirect.com/science/journal/26667657</t>
  </si>
  <si>
    <t>Environmental Challenges</t>
  </si>
  <si>
    <t>2667-0100</t>
  </si>
  <si>
    <t>26670100</t>
  </si>
  <si>
    <t>31067</t>
  </si>
  <si>
    <t>https://www.sciencedirect.com/science/journal/26670100</t>
  </si>
  <si>
    <t>Environmental Chemistry and Ecotoxicology</t>
  </si>
  <si>
    <t>2590-1826</t>
  </si>
  <si>
    <t>25901826</t>
  </si>
  <si>
    <t>30089</t>
  </si>
  <si>
    <t>https://www.sciencedirect.com/science/journal/25901826</t>
  </si>
  <si>
    <t>Environmental Forensics</t>
  </si>
  <si>
    <t>1527-5922</t>
  </si>
  <si>
    <t>15275922</t>
  </si>
  <si>
    <t>12884</t>
  </si>
  <si>
    <t>Transferred to Taylor &amp; Francis as of 2003</t>
  </si>
  <si>
    <t>https://www.sciencedirect.com/science/journal/15275922</t>
  </si>
  <si>
    <t>Environmental Functional Materials</t>
  </si>
  <si>
    <t>2773-0581</t>
  </si>
  <si>
    <t>27730581</t>
  </si>
  <si>
    <t>31427</t>
  </si>
  <si>
    <t>https://www.sciencedirect.com/science/journal/27730581</t>
  </si>
  <si>
    <t>Environmental Hazards</t>
  </si>
  <si>
    <t>1747-7891</t>
  </si>
  <si>
    <t>17477891</t>
  </si>
  <si>
    <t>01042</t>
  </si>
  <si>
    <t>Formerly known as Global Environmental Change Part B: Environmental Hazards; Transferred to Earthscan as of 2008</t>
  </si>
  <si>
    <t>https://www.sciencedirect.com/science/journal/17477891</t>
  </si>
  <si>
    <t>Environmental Policy and Law</t>
  </si>
  <si>
    <t>0378-777X</t>
  </si>
  <si>
    <t>0378777X</t>
  </si>
  <si>
    <t>00000</t>
  </si>
  <si>
    <t>Transferred to IOS Press as of 1985</t>
  </si>
  <si>
    <t>https://www.sciencedirect.com/science/journal/0378777X</t>
  </si>
  <si>
    <t>Environmental Pollution and Management</t>
  </si>
  <si>
    <t>2950-3051</t>
  </si>
  <si>
    <t>29503051</t>
  </si>
  <si>
    <t>31729</t>
  </si>
  <si>
    <t>https://www.sciencedirect.com/science/journal/29503051</t>
  </si>
  <si>
    <t>Environmental Science and Ecotechnology</t>
  </si>
  <si>
    <t>2666-4984</t>
  </si>
  <si>
    <t>26664984</t>
  </si>
  <si>
    <t>30339</t>
  </si>
  <si>
    <t>https://www.sciencedirect.com/science/journal/26664984</t>
  </si>
  <si>
    <t>Environmental Surfaces and Interfaces</t>
  </si>
  <si>
    <t>2949-8643</t>
  </si>
  <si>
    <t>29498643</t>
  </si>
  <si>
    <t>31569</t>
  </si>
  <si>
    <t>https://www.sciencedirect.com/science/journal/29498643</t>
  </si>
  <si>
    <t>Environmental and Sustainability Indicators</t>
  </si>
  <si>
    <t>2665-9727</t>
  </si>
  <si>
    <t>26659727</t>
  </si>
  <si>
    <t>30149</t>
  </si>
  <si>
    <t>https://www.sciencedirect.com/science/journal/26659727</t>
  </si>
  <si>
    <t>The Environmentalist</t>
  </si>
  <si>
    <t>0251-1088</t>
  </si>
  <si>
    <t>02511088</t>
  </si>
  <si>
    <t>Title no longer published by Elsevier as of 1985</t>
  </si>
  <si>
    <t>https://www.sciencedirect.com/science/journal/02511088</t>
  </si>
  <si>
    <t>Epidemics</t>
  </si>
  <si>
    <t>1755-4365</t>
  </si>
  <si>
    <t>17554365</t>
  </si>
  <si>
    <t>08640</t>
  </si>
  <si>
    <t>https://www.sciencedirect.com/science/journal/17554365</t>
  </si>
  <si>
    <t>Epilepsy &amp; Behavior Reports </t>
  </si>
  <si>
    <t>2589-9864</t>
  </si>
  <si>
    <t>25899864</t>
  </si>
  <si>
    <t>14105</t>
  </si>
  <si>
    <t>Formerly known as Epilepsy &amp; Behavior Case Reports</t>
  </si>
  <si>
    <t>https://www.sciencedirect.com/science/journal/25899864</t>
  </si>
  <si>
    <t>Equity Neuroscience</t>
  </si>
  <si>
    <t>3050-8401</t>
  </si>
  <si>
    <t>30508401</t>
  </si>
  <si>
    <t>32112</t>
  </si>
  <si>
    <t>https://www.sciencedirect.com/science/journal/30508401</t>
  </si>
  <si>
    <t>eScience</t>
  </si>
  <si>
    <t>2667-1417</t>
  </si>
  <si>
    <t>26671417</t>
  </si>
  <si>
    <t>31130</t>
  </si>
  <si>
    <t>https://www.sciencedirect.com/science/journal/26671417</t>
  </si>
  <si>
    <t>eScience Energy</t>
  </si>
  <si>
    <t>3050-9955</t>
  </si>
  <si>
    <t>30509955</t>
  </si>
  <si>
    <t>32127</t>
  </si>
  <si>
    <t>https://www.sciencedirect.com/science/journal/30509955</t>
  </si>
  <si>
    <t>ESMO Gastrointestinal Oncology</t>
  </si>
  <si>
    <t>2949-8198</t>
  </si>
  <si>
    <t>29498198</t>
  </si>
  <si>
    <t>31546</t>
  </si>
  <si>
    <t>https://www.sciencedirect.com/science/journal/29498198</t>
  </si>
  <si>
    <t>ESMO Open</t>
  </si>
  <si>
    <t>2059-7029</t>
  </si>
  <si>
    <t>20597029</t>
  </si>
  <si>
    <t>31013</t>
  </si>
  <si>
    <t>https://www.sciencedirect.com/science/journal/20597029</t>
  </si>
  <si>
    <t>ESMO Rare Cancers</t>
  </si>
  <si>
    <t>3050-4619</t>
  </si>
  <si>
    <t>30504619</t>
  </si>
  <si>
    <t>31957</t>
  </si>
  <si>
    <t>https://www.sciencedirect.com/science/journal/30504619</t>
  </si>
  <si>
    <t>ESMO Real World Data and Digital Oncology</t>
  </si>
  <si>
    <t>2949-8201</t>
  </si>
  <si>
    <t>29498201</t>
  </si>
  <si>
    <t>31545</t>
  </si>
  <si>
    <t>https://www.sciencedirect.com/science/journal/29498201</t>
  </si>
  <si>
    <t>Estudios de Cultura Maya</t>
  </si>
  <si>
    <t>0185-2574</t>
  </si>
  <si>
    <t>01852574</t>
  </si>
  <si>
    <t>16865</t>
  </si>
  <si>
    <t>https://www.sciencedirect.com/science/journal/01852574</t>
  </si>
  <si>
    <t>Estudios Gerenciales</t>
  </si>
  <si>
    <t>0123-5923</t>
  </si>
  <si>
    <t>01235923</t>
  </si>
  <si>
    <t>15823</t>
  </si>
  <si>
    <t>https://www.sciencedirect.com/science/journal/01235923</t>
  </si>
  <si>
    <t>Estudios de Historia Moderna y Contemporánea de México</t>
  </si>
  <si>
    <t>0185-2620</t>
  </si>
  <si>
    <t>01852620</t>
  </si>
  <si>
    <t>16859</t>
  </si>
  <si>
    <t>https://www.sciencedirect.com/science/journal/01852620</t>
  </si>
  <si>
    <t>Estudios de Historia Novohispana</t>
  </si>
  <si>
    <t>1870-9060</t>
  </si>
  <si>
    <t>18709060</t>
  </si>
  <si>
    <t>16877</t>
  </si>
  <si>
    <t>https://www.sciencedirect.com/science/journal/18709060</t>
  </si>
  <si>
    <t>Estudios Políticos</t>
  </si>
  <si>
    <t>0185-1616</t>
  </si>
  <si>
    <t>01851616</t>
  </si>
  <si>
    <t>16872</t>
  </si>
  <si>
    <t>https://www.sciencedirect.com/science/journal/01851616</t>
  </si>
  <si>
    <t>Ethics and the Environment</t>
  </si>
  <si>
    <t>1085-6633</t>
  </si>
  <si>
    <t>10856633</t>
  </si>
  <si>
    <t>07404</t>
  </si>
  <si>
    <t>Transferred to Indiana University Press as of 2001</t>
  </si>
  <si>
    <t>https://www.sciencedirect.com/science/journal/10856633</t>
  </si>
  <si>
    <t>EuPA Open Proteomics</t>
  </si>
  <si>
    <t>2212-9685</t>
  </si>
  <si>
    <t>22129685</t>
  </si>
  <si>
    <t>10158</t>
  </si>
  <si>
    <t>https://www.sciencedirect.com/science/journal/22129685</t>
  </si>
  <si>
    <t>EURO Journal on Computational Optimization</t>
  </si>
  <si>
    <t>2192-4406</t>
  </si>
  <si>
    <t>21924406</t>
  </si>
  <si>
    <t>31062</t>
  </si>
  <si>
    <t>https://www.sciencedirect.com/science/journal/21924406</t>
  </si>
  <si>
    <t>EURO Journal on Decision Processes</t>
  </si>
  <si>
    <t>2193-9438</t>
  </si>
  <si>
    <t>21939438</t>
  </si>
  <si>
    <t>31065</t>
  </si>
  <si>
    <t>https://www.sciencedirect.com/science/journal/21939438</t>
  </si>
  <si>
    <t>EURO Journal on Transportation and Logistics</t>
  </si>
  <si>
    <t>2192-4376</t>
  </si>
  <si>
    <t>21924376</t>
  </si>
  <si>
    <t>30335</t>
  </si>
  <si>
    <t>https://www.sciencedirect.com/science/journal/21924376</t>
  </si>
  <si>
    <t>European Geriatric Medicine</t>
  </si>
  <si>
    <t>1878-7649</t>
  </si>
  <si>
    <t>18787649</t>
  </si>
  <si>
    <t>15865</t>
  </si>
  <si>
    <t>Transferred to Springer as of 2018</t>
  </si>
  <si>
    <t>https://www.sciencedirect.com/science/journal/18787649</t>
  </si>
  <si>
    <t>European Journal of Cell Biology</t>
  </si>
  <si>
    <t>0171-9335</t>
  </si>
  <si>
    <t>01719335</t>
  </si>
  <si>
    <t>10005</t>
  </si>
  <si>
    <t>https://www.sciencedirect.com/science/journal/01719335</t>
  </si>
  <si>
    <t>European Journal of Education and Psychology</t>
  </si>
  <si>
    <t>1888-8992</t>
  </si>
  <si>
    <t>18888992</t>
  </si>
  <si>
    <t>16410</t>
  </si>
  <si>
    <t>https://www.sciencedirect.com/science/journal/18888992</t>
  </si>
  <si>
    <t>European Journal of Family Business</t>
  </si>
  <si>
    <t>2444-877X</t>
  </si>
  <si>
    <t>2444877X</t>
  </si>
  <si>
    <t>16428</t>
  </si>
  <si>
    <t>https://www.sciencedirect.com/science/journal/2444877X</t>
  </si>
  <si>
    <t>European Journal of Management and Business Economics </t>
  </si>
  <si>
    <t>2444-8451</t>
  </si>
  <si>
    <t>24448451</t>
  </si>
  <si>
    <t>15977</t>
  </si>
  <si>
    <t>Formerly known as Revista Europea de Dirección y Economía de la Empresa; Transferred back to the society as of 2017</t>
  </si>
  <si>
    <t>https://www.sciencedirect.com/science/journal/24448451</t>
  </si>
  <si>
    <t>European Journal of Medicinal Chemistry Reports</t>
  </si>
  <si>
    <t>2772-4174</t>
  </si>
  <si>
    <t>27724174</t>
  </si>
  <si>
    <t>31235</t>
  </si>
  <si>
    <t>https://www.sciencedirect.com/science/journal/27724174</t>
  </si>
  <si>
    <t>European Journal of Obstetrics &amp; Gynecology and Reproductive Biology: X</t>
  </si>
  <si>
    <t>2590-1613</t>
  </si>
  <si>
    <t>25901613</t>
  </si>
  <si>
    <t>18475</t>
  </si>
  <si>
    <t>https://www.sciencedirect.com/science/journal/25901613</t>
  </si>
  <si>
    <t>European Journal of Pain</t>
  </si>
  <si>
    <t>1090-3801</t>
  </si>
  <si>
    <t>10903801</t>
  </si>
  <si>
    <t>12706</t>
  </si>
  <si>
    <t>Transferred to Wiley-Blackwell as of 2012</t>
  </si>
  <si>
    <t>https://www.sciencedirect.com/science/journal/10903801</t>
  </si>
  <si>
    <t>European Journal of Pain Supplements</t>
  </si>
  <si>
    <t>1754-3207</t>
  </si>
  <si>
    <t>17543207</t>
  </si>
  <si>
    <t>12708</t>
  </si>
  <si>
    <t>https://www.sciencedirect.com/science/journal/17543207</t>
  </si>
  <si>
    <t>The European Journal of Psychology Applied to Legal Context</t>
  </si>
  <si>
    <t>1889-1861</t>
  </si>
  <si>
    <t>18891861</t>
  </si>
  <si>
    <t>15840</t>
  </si>
  <si>
    <t>https://www.sciencedirect.com/science/journal/18891861</t>
  </si>
  <si>
    <t>European Journal of Radiography</t>
  </si>
  <si>
    <t>1756-1175</t>
  </si>
  <si>
    <t>17561175</t>
  </si>
  <si>
    <t>04296</t>
  </si>
  <si>
    <t>Transferred to Euro-Med Congress of Radiographers as of 2011</t>
  </si>
  <si>
    <t>https://www.sciencedirect.com/science/journal/17561175</t>
  </si>
  <si>
    <t>European Journal of Radiology Artificial Intelligence</t>
  </si>
  <si>
    <t>3050-5771</t>
  </si>
  <si>
    <t>30505771</t>
  </si>
  <si>
    <t>32031</t>
  </si>
  <si>
    <t>https://www.sciencedirect.com/science/journal/30505771</t>
  </si>
  <si>
    <t>European Journal of Radiology Open</t>
  </si>
  <si>
    <t>2352-0477</t>
  </si>
  <si>
    <t>23520477</t>
  </si>
  <si>
    <t>17737</t>
  </si>
  <si>
    <t>https://www.sciencedirect.com/science/journal/23520477</t>
  </si>
  <si>
    <t>European Psychiatry</t>
  </si>
  <si>
    <t>0924-9338</t>
  </si>
  <si>
    <t>09249338</t>
  </si>
  <si>
    <t>09034</t>
  </si>
  <si>
    <t>Transferred to Cambridge University Press as of 2020</t>
  </si>
  <si>
    <t>https://www.sciencedirect.com/science/journal/09249338</t>
  </si>
  <si>
    <t>European Transport Studies</t>
  </si>
  <si>
    <t>2950-2985</t>
  </si>
  <si>
    <t>29502985</t>
  </si>
  <si>
    <t>31723</t>
  </si>
  <si>
    <t>https://www.sciencedirect.com/science/journal/29502985</t>
  </si>
  <si>
    <t>Evaluation Practice</t>
  </si>
  <si>
    <t>0886-1633</t>
  </si>
  <si>
    <t>08861633</t>
  </si>
  <si>
    <t>Continued as The American Journal of Evaluation</t>
  </si>
  <si>
    <t>https://www.sciencedirect.com/science/journal/08861633</t>
  </si>
  <si>
    <t>Evolving Earth</t>
  </si>
  <si>
    <t>2950-1172</t>
  </si>
  <si>
    <t>29501172</t>
  </si>
  <si>
    <t>31635</t>
  </si>
  <si>
    <t>https://www.sciencedirect.com/science/journal/29501172</t>
  </si>
  <si>
    <t>Examples and Counterexamples</t>
  </si>
  <si>
    <t>2666-657X</t>
  </si>
  <si>
    <t>2666657X</t>
  </si>
  <si>
    <t>30410</t>
  </si>
  <si>
    <t>https://www.sciencedirect.com/science/journal/2666657X</t>
  </si>
  <si>
    <t>Expert Systems with Applications: X</t>
  </si>
  <si>
    <t>2590-1885</t>
  </si>
  <si>
    <t>25901885</t>
  </si>
  <si>
    <t>18477</t>
  </si>
  <si>
    <t>https://www.sciencedirect.com/science/journal/25901885</t>
  </si>
  <si>
    <t>Exploratory Research in Clinical and Social Pharmacy</t>
  </si>
  <si>
    <t>2667-2766</t>
  </si>
  <si>
    <t>26672766</t>
  </si>
  <si>
    <t>31163</t>
  </si>
  <si>
    <t>https://www.sciencedirect.com/science/journal/26672766</t>
  </si>
  <si>
    <t>Extracellular Vesicle</t>
  </si>
  <si>
    <t>2773-0417</t>
  </si>
  <si>
    <t>27730417</t>
  </si>
  <si>
    <t>31414</t>
  </si>
  <si>
    <t>https://www.sciencedirect.com/science/journal/27730417</t>
  </si>
  <si>
    <t>Extreme Materials</t>
  </si>
  <si>
    <t>3050-628X</t>
  </si>
  <si>
    <t>3050628X</t>
  </si>
  <si>
    <t>32059</t>
  </si>
  <si>
    <t>https://www.sciencedirect.com/science/journal/3050628X</t>
  </si>
  <si>
    <t>Farmacéuticos de Atención Primaria</t>
  </si>
  <si>
    <t>2172-3761</t>
  </si>
  <si>
    <t>21723761</t>
  </si>
  <si>
    <t>15784</t>
  </si>
  <si>
    <t>https://www.sciencedirect.com/science/journal/21723761</t>
  </si>
  <si>
    <t>Farmacia Hospitalaria</t>
  </si>
  <si>
    <t>1130-6343</t>
  </si>
  <si>
    <t>11306343</t>
  </si>
  <si>
    <t>15718</t>
  </si>
  <si>
    <t>https://www.sciencedirect.com/science/journal/11306343</t>
  </si>
  <si>
    <t>Farmacia Hospitalaria (English Edition)</t>
  </si>
  <si>
    <t>2173-5085</t>
  </si>
  <si>
    <t>21735085</t>
  </si>
  <si>
    <t>15793</t>
  </si>
  <si>
    <t>https://www.sciencedirect.com/science/journal/21735085</t>
  </si>
  <si>
    <t>Farming System</t>
  </si>
  <si>
    <t>2949-9119</t>
  </si>
  <si>
    <t>29499119</t>
  </si>
  <si>
    <t>31590</t>
  </si>
  <si>
    <t>https://www.sciencedirect.com/science/journal/29499119</t>
  </si>
  <si>
    <t>FEBS Letters</t>
  </si>
  <si>
    <t>0014-5793</t>
  </si>
  <si>
    <t>00145793</t>
  </si>
  <si>
    <t>05034</t>
  </si>
  <si>
    <t>Transferred to Wiley as of 2016</t>
  </si>
  <si>
    <t>https://www.sciencedirect.com/science/journal/00145793</t>
  </si>
  <si>
    <t>FEBS Open Bio</t>
  </si>
  <si>
    <t>2211-5463</t>
  </si>
  <si>
    <t>22115463</t>
  </si>
  <si>
    <t>08795</t>
  </si>
  <si>
    <t>https://www.sciencedirect.com/science/journal/22115463</t>
  </si>
  <si>
    <t>FEMS Immunology and Medical Microbiology</t>
  </si>
  <si>
    <t>0928-8244</t>
  </si>
  <si>
    <t>09288244</t>
  </si>
  <si>
    <t>05035</t>
  </si>
  <si>
    <t>Transferred to Blackwell as of 2006</t>
  </si>
  <si>
    <t>https://www.sciencedirect.com/science/journal/09288244</t>
  </si>
  <si>
    <t>FEMS Microbiology Ecology</t>
  </si>
  <si>
    <t>0168-6496</t>
  </si>
  <si>
    <t>01686496</t>
  </si>
  <si>
    <t>05037</t>
  </si>
  <si>
    <t>https://www.sciencedirect.com/science/journal/01686496</t>
  </si>
  <si>
    <t>FEMS Microbiology Letters</t>
  </si>
  <si>
    <t>0378-1097</t>
  </si>
  <si>
    <t>03781097</t>
  </si>
  <si>
    <t>05038</t>
  </si>
  <si>
    <t>https://www.sciencedirect.com/science/journal/03781097</t>
  </si>
  <si>
    <t>FEMS Microbiology Reviews</t>
  </si>
  <si>
    <t>0168-6445</t>
  </si>
  <si>
    <t>01686445</t>
  </si>
  <si>
    <t>05039</t>
  </si>
  <si>
    <t>https://www.sciencedirect.com/science/journal/01686445</t>
  </si>
  <si>
    <t>FEMS Yeast Research</t>
  </si>
  <si>
    <t>1567-1356</t>
  </si>
  <si>
    <t>15671356</t>
  </si>
  <si>
    <t>05574</t>
  </si>
  <si>
    <t>https://www.sciencedirect.com/science/journal/15671356</t>
  </si>
  <si>
    <t>Fermented Foods</t>
  </si>
  <si>
    <t>3051-231X</t>
  </si>
  <si>
    <t>3051231X</t>
  </si>
  <si>
    <t>32174</t>
  </si>
  <si>
    <t>https://www.sciencedirect.com/science/journal/3051231X</t>
  </si>
  <si>
    <t>Filtration Industry Analyst</t>
  </si>
  <si>
    <t>1365-6937</t>
  </si>
  <si>
    <t>13656937</t>
  </si>
  <si>
    <t>02207</t>
  </si>
  <si>
    <t>https://www.sciencedirect.com/science/journal/13656937</t>
  </si>
  <si>
    <t>Filtration + Separation</t>
  </si>
  <si>
    <t>0015-1882</t>
  </si>
  <si>
    <t>00151882</t>
  </si>
  <si>
    <t>02127</t>
  </si>
  <si>
    <t>https://www.sciencedirect.com/science/journal/00151882</t>
  </si>
  <si>
    <t>Financial Services Review</t>
  </si>
  <si>
    <t>1057-0810</t>
  </si>
  <si>
    <t>10570810</t>
  </si>
  <si>
    <t>07406</t>
  </si>
  <si>
    <t>Transferred to The Academy of Financial Services as of 2002</t>
  </si>
  <si>
    <t>https://www.sciencedirect.com/science/journal/10570810</t>
  </si>
  <si>
    <t>FirePhysChem</t>
  </si>
  <si>
    <t>2667-1344</t>
  </si>
  <si>
    <t>26671344</t>
  </si>
  <si>
    <t>31108</t>
  </si>
  <si>
    <t>https://www.sciencedirect.com/science/journal/26671344</t>
  </si>
  <si>
    <t>First Nations Health and Wellbeing - The Lowitja Journal</t>
  </si>
  <si>
    <t>2949-8406</t>
  </si>
  <si>
    <t>29498406</t>
  </si>
  <si>
    <t>31564</t>
  </si>
  <si>
    <t>https://www.sciencedirect.com/science/journal/29498406</t>
  </si>
  <si>
    <t>Fish and Shellfish Immunology Reports</t>
  </si>
  <si>
    <t>2667-0119</t>
  </si>
  <si>
    <t>26670119</t>
  </si>
  <si>
    <t>31072</t>
  </si>
  <si>
    <t>https://www.sciencedirect.com/science/journal/26670119</t>
  </si>
  <si>
    <t>Fluid Dynamics Research</t>
  </si>
  <si>
    <t>0169-5983</t>
  </si>
  <si>
    <t>01695983</t>
  </si>
  <si>
    <t>05197</t>
  </si>
  <si>
    <t>Transferred to IOP Publishing as of 2009</t>
  </si>
  <si>
    <t>https://www.sciencedirect.com/science/journal/01695983</t>
  </si>
  <si>
    <t>Food Chemistry Advances</t>
  </si>
  <si>
    <t>2772-753X</t>
  </si>
  <si>
    <t>2772753X</t>
  </si>
  <si>
    <t>31341</t>
  </si>
  <si>
    <t>https://www.sciencedirect.com/science/journal/2772753X</t>
  </si>
  <si>
    <t>Food Chemistry: Molecular Sciences</t>
  </si>
  <si>
    <t>2666-5662</t>
  </si>
  <si>
    <t>26665662</t>
  </si>
  <si>
    <t>30383</t>
  </si>
  <si>
    <t>https://www.sciencedirect.com/science/journal/26665662</t>
  </si>
  <si>
    <t>Food Chemistry: X</t>
  </si>
  <si>
    <t>2590-1575</t>
  </si>
  <si>
    <t>25901575</t>
  </si>
  <si>
    <t>18468</t>
  </si>
  <si>
    <t>https://www.sciencedirect.com/science/journal/25901575</t>
  </si>
  <si>
    <t>Food Hydrocolloids for Health</t>
  </si>
  <si>
    <t>2667-0259</t>
  </si>
  <si>
    <t>26670259</t>
  </si>
  <si>
    <t>31084</t>
  </si>
  <si>
    <t>https://www.sciencedirect.com/science/journal/26670259</t>
  </si>
  <si>
    <t>Food Nutrition</t>
  </si>
  <si>
    <t>3050-8436</t>
  </si>
  <si>
    <t>30508436</t>
  </si>
  <si>
    <t>32113</t>
  </si>
  <si>
    <t>https://www.sciencedirect.com/science/journal/30508436</t>
  </si>
  <si>
    <t>Food Physics</t>
  </si>
  <si>
    <t>2950-0699</t>
  </si>
  <si>
    <t>29500699</t>
  </si>
  <si>
    <t>31632</t>
  </si>
  <si>
    <t>https://www.sciencedirect.com/science/journal/29500699</t>
  </si>
  <si>
    <t>Food Science and Human Wellness</t>
  </si>
  <si>
    <t>2213-4530</t>
  </si>
  <si>
    <t>22134530</t>
  </si>
  <si>
    <t>10151</t>
  </si>
  <si>
    <t>https://www.sciencedirect.com/science/journal/22134530</t>
  </si>
  <si>
    <t>Food and Waterborne Parasitology</t>
  </si>
  <si>
    <t>2405-6766</t>
  </si>
  <si>
    <t>24056766</t>
  </si>
  <si>
    <t>18843</t>
  </si>
  <si>
    <t>https://www.sciencedirect.com/science/journal/24056766</t>
  </si>
  <si>
    <t>Food Wellness</t>
  </si>
  <si>
    <t>3050-7111</t>
  </si>
  <si>
    <t>30507111</t>
  </si>
  <si>
    <t>32081</t>
  </si>
  <si>
    <t>https://www.sciencedirect.com/science/journal/30507111</t>
  </si>
  <si>
    <t>Forces in Mechanics</t>
  </si>
  <si>
    <t>2666-3597</t>
  </si>
  <si>
    <t>26663597</t>
  </si>
  <si>
    <t>30307</t>
  </si>
  <si>
    <t>https://www.sciencedirect.com/science/journal/26663597</t>
  </si>
  <si>
    <t>Forensic Science International: Animals and Environments</t>
  </si>
  <si>
    <t>2666-9374</t>
  </si>
  <si>
    <t>26669374</t>
  </si>
  <si>
    <t>31029</t>
  </si>
  <si>
    <t>https://www.sciencedirect.com/science/journal/26669374</t>
  </si>
  <si>
    <t>Forensic Science International: Mind and Law</t>
  </si>
  <si>
    <t>2666-3538</t>
  </si>
  <si>
    <t>26663538</t>
  </si>
  <si>
    <t>30297</t>
  </si>
  <si>
    <t>https://www.sciencedirect.com/science/journal/26663538</t>
  </si>
  <si>
    <t>Forensic Science International: Reports</t>
  </si>
  <si>
    <t>2665-9107</t>
  </si>
  <si>
    <t>26659107</t>
  </si>
  <si>
    <t>30130</t>
  </si>
  <si>
    <t>https://www.sciencedirect.com/science/journal/26659107</t>
  </si>
  <si>
    <t>Forensic Science International: Synergy</t>
  </si>
  <si>
    <t>2589-871X</t>
  </si>
  <si>
    <t>2589871X</t>
  </si>
  <si>
    <t>18441</t>
  </si>
  <si>
    <t>https://www.sciencedirect.com/science/journal/2589871X</t>
  </si>
  <si>
    <t>Forensic Sciences Research</t>
  </si>
  <si>
    <t>2471-1411</t>
  </si>
  <si>
    <t>24711411</t>
  </si>
  <si>
    <t>32172</t>
  </si>
  <si>
    <t>https://www.sciencedirect.com/science/journal/24711411</t>
  </si>
  <si>
    <t>Forest Ecosystems</t>
  </si>
  <si>
    <t>2197-5620</t>
  </si>
  <si>
    <t>21975620</t>
  </si>
  <si>
    <t>31429</t>
  </si>
  <si>
    <t>https://www.sciencedirect.com/science/journal/21975620</t>
  </si>
  <si>
    <t>Formosan Journal of Musculoskeletal Disorders</t>
  </si>
  <si>
    <t>2210-7940</t>
  </si>
  <si>
    <t>22107940</t>
  </si>
  <si>
    <t>08740</t>
  </si>
  <si>
    <t>https://www.sciencedirect.com/science/journal/22107940</t>
  </si>
  <si>
    <t>Formosan Journal of Surgery</t>
  </si>
  <si>
    <t>1682-606X</t>
  </si>
  <si>
    <t>1682606X</t>
  </si>
  <si>
    <t>08786</t>
  </si>
  <si>
    <t>https://www.sciencedirect.com/science/journal/1682606X</t>
  </si>
  <si>
    <t>Franklin Open</t>
  </si>
  <si>
    <t>2773-1863</t>
  </si>
  <si>
    <t>27731863</t>
  </si>
  <si>
    <t>31458</t>
  </si>
  <si>
    <t>https://www.sciencedirect.com/science/journal/27731863</t>
  </si>
  <si>
    <t>Free Radicals and Antioxidants</t>
  </si>
  <si>
    <t>2231-2536</t>
  </si>
  <si>
    <t>22312536</t>
  </si>
  <si>
    <t>18012</t>
  </si>
  <si>
    <t>https://www.sciencedirect.com/science/journal/22312536</t>
  </si>
  <si>
    <t>French Journal of Psychiatry</t>
  </si>
  <si>
    <t>2590-2415</t>
  </si>
  <si>
    <t>25902415</t>
  </si>
  <si>
    <t>30104</t>
  </si>
  <si>
    <t>Transferred to Frédéric Rouillon Association Psychiatrie et Psychobiologie Paris as of 2022</t>
  </si>
  <si>
    <t>https://www.sciencedirect.com/science/journal/25902415</t>
  </si>
  <si>
    <t>Frontiers in Laboratory Medicine</t>
  </si>
  <si>
    <t>2542-3649</t>
  </si>
  <si>
    <t>25423649</t>
  </si>
  <si>
    <t>18381</t>
  </si>
  <si>
    <t>Transferred back to Society as of 2021</t>
  </si>
  <si>
    <t>https://www.sciencedirect.com/science/journal/25423649</t>
  </si>
  <si>
    <t>F&amp;S Reports</t>
  </si>
  <si>
    <t>2666-3341</t>
  </si>
  <si>
    <t>26663341</t>
  </si>
  <si>
    <t>30373</t>
  </si>
  <si>
    <t>https://www.sciencedirect.com/science/journal/26663341</t>
  </si>
  <si>
    <t>Fuel Communications</t>
  </si>
  <si>
    <t>2666-0520</t>
  </si>
  <si>
    <t>26660520</t>
  </si>
  <si>
    <t>18484</t>
  </si>
  <si>
    <t>https://www.sciencedirect.com/science/journal/26660520</t>
  </si>
  <si>
    <t>Fundamental and Applied Toxicology</t>
  </si>
  <si>
    <t>0272-0590</t>
  </si>
  <si>
    <t>02720590</t>
  </si>
  <si>
    <t>03FAA</t>
  </si>
  <si>
    <t>Continued as Toxicological Sciences</t>
  </si>
  <si>
    <t>https://www.sciencedirect.com/science/journal/02720590</t>
  </si>
  <si>
    <t>Fundamental Plasma Physics</t>
  </si>
  <si>
    <t>2772-8285</t>
  </si>
  <si>
    <t>27728285</t>
  </si>
  <si>
    <t>31365</t>
  </si>
  <si>
    <t>https://www.sciencedirect.com/science/journal/27728285</t>
  </si>
  <si>
    <t>Fundamental Research</t>
  </si>
  <si>
    <t>2667-3258</t>
  </si>
  <si>
    <t>26673258</t>
  </si>
  <si>
    <t>31169</t>
  </si>
  <si>
    <t>https://www.sciencedirect.com/science/journal/26673258</t>
  </si>
  <si>
    <t>Fungal Interactions</t>
  </si>
  <si>
    <t>2773-2150</t>
  </si>
  <si>
    <t>27732150</t>
  </si>
  <si>
    <t>31463</t>
  </si>
  <si>
    <t>https://www.sciencedirect.com/science/journal/27732150</t>
  </si>
  <si>
    <t>Future Batteries</t>
  </si>
  <si>
    <t>2950-2640</t>
  </si>
  <si>
    <t>29502640</t>
  </si>
  <si>
    <t>31697</t>
  </si>
  <si>
    <t>https://www.sciencedirect.com/science/journal/29502640</t>
  </si>
  <si>
    <t>Future Business Journal</t>
  </si>
  <si>
    <t>2314-7210</t>
  </si>
  <si>
    <t>23147210</t>
  </si>
  <si>
    <t>18145</t>
  </si>
  <si>
    <t>https://www.sciencedirect.com/science/journal/23147210</t>
  </si>
  <si>
    <t>Future Computing and Informatics Journal</t>
  </si>
  <si>
    <t>2314-7288</t>
  </si>
  <si>
    <t>23147288</t>
  </si>
  <si>
    <t>18252</t>
  </si>
  <si>
    <t>https://www.sciencedirect.com/science/journal/23147288</t>
  </si>
  <si>
    <t>Future Dental Journal</t>
  </si>
  <si>
    <t>2314-7180</t>
  </si>
  <si>
    <t>23147180</t>
  </si>
  <si>
    <t>18239</t>
  </si>
  <si>
    <t>https://www.sciencedirect.com/science/journal/23147180</t>
  </si>
  <si>
    <t>Future Foods</t>
  </si>
  <si>
    <t>2666-8335</t>
  </si>
  <si>
    <t>26668335</t>
  </si>
  <si>
    <t>30457</t>
  </si>
  <si>
    <t>https://www.sciencedirect.com/science/journal/26668335</t>
  </si>
  <si>
    <t>Future Journal of Pharmaceutical Sciences</t>
  </si>
  <si>
    <t>2314-7245</t>
  </si>
  <si>
    <t>23147245</t>
  </si>
  <si>
    <t>18232</t>
  </si>
  <si>
    <t>https://www.sciencedirect.com/science/journal/23147245</t>
  </si>
  <si>
    <t>Fuzzy Information and Engineering</t>
  </si>
  <si>
    <t>1616-8658</t>
  </si>
  <si>
    <t>16168658</t>
  </si>
  <si>
    <t>18086</t>
  </si>
  <si>
    <t>https://www.sciencedirect.com/science/journal/16168658</t>
  </si>
  <si>
    <t>Gaceta Médica de Bilbao</t>
  </si>
  <si>
    <t>0304-4858</t>
  </si>
  <si>
    <t>03044858</t>
  </si>
  <si>
    <t>15781</t>
  </si>
  <si>
    <t>https://www.sciencedirect.com/science/journal/03044858</t>
  </si>
  <si>
    <t>Gaceta Mexicana de Oncología</t>
  </si>
  <si>
    <t>1665-9201</t>
  </si>
  <si>
    <t>16659201</t>
  </si>
  <si>
    <t>14307</t>
  </si>
  <si>
    <t>Transferred to Permanyer as of 2018</t>
  </si>
  <si>
    <t>https://www.sciencedirect.com/science/journal/16659201</t>
  </si>
  <si>
    <t>Gastro Hep Advances</t>
  </si>
  <si>
    <t>2772-5723</t>
  </si>
  <si>
    <t>27725723</t>
  </si>
  <si>
    <t>31269</t>
  </si>
  <si>
    <t>https://www.sciencedirect.com/science/journal/27725723</t>
  </si>
  <si>
    <t>Gastroenterology &amp; Endoscopy</t>
  </si>
  <si>
    <t>2949-7523</t>
  </si>
  <si>
    <t>29497523</t>
  </si>
  <si>
    <t>31511</t>
  </si>
  <si>
    <t>https://www.sciencedirect.com/science/journal/29497523</t>
  </si>
  <si>
    <t>Gastrointestinal Intervention</t>
  </si>
  <si>
    <t>2213-1795</t>
  </si>
  <si>
    <t>22131795</t>
  </si>
  <si>
    <t>10130</t>
  </si>
  <si>
    <t>https://www.sciencedirect.com/science/journal/22131795</t>
  </si>
  <si>
    <t>GE Jornal Português de Gastrenterologia</t>
  </si>
  <si>
    <t>0872-8178</t>
  </si>
  <si>
    <t>08728178</t>
  </si>
  <si>
    <t>15975</t>
  </si>
  <si>
    <t>Continued as GE Portuguese Journal of Gastroenterology</t>
  </si>
  <si>
    <t>https://www.sciencedirect.com/science/journal/08728178</t>
  </si>
  <si>
    <t>GE Portuguese Journal of Gastroenterology</t>
  </si>
  <si>
    <t>2341-4545</t>
  </si>
  <si>
    <t>23414545</t>
  </si>
  <si>
    <t>Formerly known as GE Jornal Português de Gastrenterologia; Transferred back to the society as of 2017</t>
  </si>
  <si>
    <t>https://www.sciencedirect.com/science/journal/23414545</t>
  </si>
  <si>
    <t>Gene and Genome Editing</t>
  </si>
  <si>
    <t>2666-3880</t>
  </si>
  <si>
    <t>26663880</t>
  </si>
  <si>
    <t>30302</t>
  </si>
  <si>
    <t>https://www.sciencedirect.com/science/journal/26663880</t>
  </si>
  <si>
    <t>Genes &amp; Diseases</t>
  </si>
  <si>
    <t>2352-3042</t>
  </si>
  <si>
    <t>23523042</t>
  </si>
  <si>
    <t>18068</t>
  </si>
  <si>
    <t>https://www.sciencedirect.com/science/journal/23523042</t>
  </si>
  <si>
    <t>Genetics in Medicine Open</t>
  </si>
  <si>
    <t>2949-7744</t>
  </si>
  <si>
    <t>29497744</t>
  </si>
  <si>
    <t>31524</t>
  </si>
  <si>
    <t>https://www.sciencedirect.com/science/journal/29497744</t>
  </si>
  <si>
    <t>Genomics Data</t>
  </si>
  <si>
    <t>2213-5960</t>
  </si>
  <si>
    <t>22135960</t>
  </si>
  <si>
    <t>14137</t>
  </si>
  <si>
    <t>https://www.sciencedirect.com/science/journal/22135960</t>
  </si>
  <si>
    <t>Genomics, Proteomics &amp; Bioinformatics</t>
  </si>
  <si>
    <t>1672-0229</t>
  </si>
  <si>
    <t>16720229</t>
  </si>
  <si>
    <t>05602</t>
  </si>
  <si>
    <t>Transferred to OUP as of 2025</t>
  </si>
  <si>
    <t>https://www.sciencedirect.com/science/journal/16720229</t>
  </si>
  <si>
    <t>Geodesy and Geodynamics</t>
  </si>
  <si>
    <t>1674-9847</t>
  </si>
  <si>
    <t>16749847</t>
  </si>
  <si>
    <t>18158</t>
  </si>
  <si>
    <t>https://www.sciencedirect.com/science/journal/16749847</t>
  </si>
  <si>
    <t>Geodinamica Acta</t>
  </si>
  <si>
    <t>0985-3111</t>
  </si>
  <si>
    <t>09853111</t>
  </si>
  <si>
    <t>09038</t>
  </si>
  <si>
    <t>https://www.sciencedirect.com/science/journal/09853111</t>
  </si>
  <si>
    <t>Geofísica Internacional</t>
  </si>
  <si>
    <t>0016-7169</t>
  </si>
  <si>
    <t>00167169</t>
  </si>
  <si>
    <t>16860</t>
  </si>
  <si>
    <t>https://www.sciencedirect.com/science/journal/00167169</t>
  </si>
  <si>
    <t>Géographie économie Société</t>
  </si>
  <si>
    <t>1295-926X</t>
  </si>
  <si>
    <t>1295926X</t>
  </si>
  <si>
    <t>09156</t>
  </si>
  <si>
    <t>https://www.sciencedirect.com/science/journal/1295926X</t>
  </si>
  <si>
    <t>Geography and Natural Resources</t>
  </si>
  <si>
    <t>1875-3728</t>
  </si>
  <si>
    <t>18753728</t>
  </si>
  <si>
    <t>08641</t>
  </si>
  <si>
    <t>Transferred back to V.B. Sochava Institute of Geography of the Siberian Branch of the Russian Academy of Sciences as of 2011</t>
  </si>
  <si>
    <t>https://www.sciencedirect.com/science/journal/18753728</t>
  </si>
  <si>
    <t>Geography and Sustainability</t>
  </si>
  <si>
    <t>2666-6839</t>
  </si>
  <si>
    <t>26666839</t>
  </si>
  <si>
    <t>30408</t>
  </si>
  <si>
    <t>https://www.sciencedirect.com/science/journal/26666839</t>
  </si>
  <si>
    <t>Geohazard Mechanics</t>
  </si>
  <si>
    <t>2949-7418</t>
  </si>
  <si>
    <t>29497418</t>
  </si>
  <si>
    <t>31504</t>
  </si>
  <si>
    <t>https://www.sciencedirect.com/science/journal/29497418</t>
  </si>
  <si>
    <t>Geopsychiatry</t>
  </si>
  <si>
    <t>3050-7138</t>
  </si>
  <si>
    <t>30507138</t>
  </si>
  <si>
    <t>32087</t>
  </si>
  <si>
    <t>https://www.sciencedirect.com/science/journal/30507138</t>
  </si>
  <si>
    <t>Geoscience Frontiers</t>
  </si>
  <si>
    <t>1674-9871</t>
  </si>
  <si>
    <t>16749871</t>
  </si>
  <si>
    <t>08721</t>
  </si>
  <si>
    <t>https://www.sciencedirect.com/science/journal/16749871</t>
  </si>
  <si>
    <t>Geosystems and Geoenvironment</t>
  </si>
  <si>
    <t>2772-8838</t>
  </si>
  <si>
    <t>27728838</t>
  </si>
  <si>
    <t>31371</t>
  </si>
  <si>
    <t>https://www.sciencedirect.com/science/journal/27728838</t>
  </si>
  <si>
    <t>Giant</t>
  </si>
  <si>
    <t>2666-5425</t>
  </si>
  <si>
    <t>26665425</t>
  </si>
  <si>
    <t>30360</t>
  </si>
  <si>
    <t>https://www.sciencedirect.com/science/journal/26665425</t>
  </si>
  <si>
    <t>Giornale Italiano di Endodonzia</t>
  </si>
  <si>
    <t>1121-4171</t>
  </si>
  <si>
    <t>11214171</t>
  </si>
  <si>
    <t>15812</t>
  </si>
  <si>
    <t>https://www.sciencedirect.com/science/journal/11214171</t>
  </si>
  <si>
    <t>Glial Health Research</t>
  </si>
  <si>
    <t>2950-4074</t>
  </si>
  <si>
    <t>29504074</t>
  </si>
  <si>
    <t>31773</t>
  </si>
  <si>
    <t>https://www.sciencedirect.com/science/journal/29504074</t>
  </si>
  <si>
    <t>Global and Earth Surface Processes Change</t>
  </si>
  <si>
    <t>2950-4740</t>
  </si>
  <si>
    <t>29504740</t>
  </si>
  <si>
    <t>31794</t>
  </si>
  <si>
    <t>https://www.sciencedirect.com/science/journal/29504740</t>
  </si>
  <si>
    <t>Global Ecology and Conservation</t>
  </si>
  <si>
    <t>2351-9894</t>
  </si>
  <si>
    <t>23519894</t>
  </si>
  <si>
    <t>17076</t>
  </si>
  <si>
    <t>https://www.sciencedirect.com/science/journal/23519894</t>
  </si>
  <si>
    <t>Global Economics and Management Review</t>
  </si>
  <si>
    <t>2340-1540</t>
  </si>
  <si>
    <t>23401540</t>
  </si>
  <si>
    <t>15825</t>
  </si>
  <si>
    <t>https://www.sciencedirect.com/science/journal/23401540</t>
  </si>
  <si>
    <t>Global Energy Interconnection</t>
  </si>
  <si>
    <t>2096-5117</t>
  </si>
  <si>
    <t>20965117</t>
  </si>
  <si>
    <t>30018</t>
  </si>
  <si>
    <t>https://www.sciencedirect.com/science/journal/20965117</t>
  </si>
  <si>
    <t>Global Environmental Change Advances</t>
  </si>
  <si>
    <t>2950-1385</t>
  </si>
  <si>
    <t>29501385</t>
  </si>
  <si>
    <t>31636</t>
  </si>
  <si>
    <t>https://www.sciencedirect.com/science/journal/29501385</t>
  </si>
  <si>
    <t>Global Environmental Change Part B: Environmental Hazards</t>
  </si>
  <si>
    <t>1464-2867</t>
  </si>
  <si>
    <t>14642867</t>
  </si>
  <si>
    <t>Continued as Environmental Hazards</t>
  </si>
  <si>
    <t>https://www.sciencedirect.com/science/journal/14642867</t>
  </si>
  <si>
    <t>Global Epidemiology</t>
  </si>
  <si>
    <t>2590-1133</t>
  </si>
  <si>
    <t>25901133</t>
  </si>
  <si>
    <t>30067</t>
  </si>
  <si>
    <t>https://www.sciencedirect.com/science/journal/25901133</t>
  </si>
  <si>
    <t>Global Health Journal</t>
  </si>
  <si>
    <t>2414-6447</t>
  </si>
  <si>
    <t>24146447</t>
  </si>
  <si>
    <t>30111</t>
  </si>
  <si>
    <t>https://www.sciencedirect.com/science/journal/24146447</t>
  </si>
  <si>
    <t>Global Heart</t>
  </si>
  <si>
    <t>2211-8160</t>
  </si>
  <si>
    <t>22118160</t>
  </si>
  <si>
    <t>05498</t>
  </si>
  <si>
    <t>Formerly known as CVD Prevention and Control; Transferred back to the society as of 2020</t>
  </si>
  <si>
    <t>https://www.sciencedirect.com/science/journal/22118160</t>
  </si>
  <si>
    <t>Global Medical Genetics</t>
  </si>
  <si>
    <t>2699-9404</t>
  </si>
  <si>
    <t>26999404</t>
  </si>
  <si>
    <t>31985</t>
  </si>
  <si>
    <t>https://www.sciencedirect.com/science/journal/26999404</t>
  </si>
  <si>
    <t>Global Medicine and Healthcare</t>
  </si>
  <si>
    <t>2949-916X</t>
  </si>
  <si>
    <t>2949916X</t>
  </si>
  <si>
    <t>31598</t>
  </si>
  <si>
    <t>https://www.sciencedirect.com/science/journal/2949916X</t>
  </si>
  <si>
    <t>Global Pediatrics</t>
  </si>
  <si>
    <t>2667-0097</t>
  </si>
  <si>
    <t>26670097</t>
  </si>
  <si>
    <t>31041</t>
  </si>
  <si>
    <t>https://www.sciencedirect.com/science/journal/26670097</t>
  </si>
  <si>
    <t>Global Transitions</t>
  </si>
  <si>
    <t>2589-7918</t>
  </si>
  <si>
    <t>25897918</t>
  </si>
  <si>
    <t>18445</t>
  </si>
  <si>
    <t>https://www.sciencedirect.com/science/journal/25897918</t>
  </si>
  <si>
    <t>Global Transitions Proceedings</t>
  </si>
  <si>
    <t>2666-285X</t>
  </si>
  <si>
    <t>2666285X</t>
  </si>
  <si>
    <t>30279</t>
  </si>
  <si>
    <t>https://www.sciencedirect.com/science/journal/2666285X</t>
  </si>
  <si>
    <t>Glycoscience &amp; Therapy</t>
  </si>
  <si>
    <t>3050-6085</t>
  </si>
  <si>
    <t>30506085</t>
  </si>
  <si>
    <t>32045</t>
  </si>
  <si>
    <t>https://www.sciencedirect.com/science/journal/30506085</t>
  </si>
  <si>
    <t>Grain &amp; Oil Science and Technology</t>
  </si>
  <si>
    <t>2590-2598</t>
  </si>
  <si>
    <t>25902598</t>
  </si>
  <si>
    <t>30116</t>
  </si>
  <si>
    <t>https://www.sciencedirect.com/science/journal/25902598</t>
  </si>
  <si>
    <t>Graphics and Visual Computing</t>
  </si>
  <si>
    <t>2666-6294</t>
  </si>
  <si>
    <t>26666294</t>
  </si>
  <si>
    <t>18456</t>
  </si>
  <si>
    <t>Formerly known as Computers &amp; Graphics: X; Title discontinued as of 2023</t>
  </si>
  <si>
    <t>https://www.sciencedirect.com/science/journal/26666294</t>
  </si>
  <si>
    <t>Green Analytical Chemistry</t>
  </si>
  <si>
    <t>2772-5774</t>
  </si>
  <si>
    <t>27725774</t>
  </si>
  <si>
    <t>31265</t>
  </si>
  <si>
    <t>https://www.sciencedirect.com/science/journal/27725774</t>
  </si>
  <si>
    <t>Green Carbon</t>
  </si>
  <si>
    <t>2950-1555</t>
  </si>
  <si>
    <t>29501555</t>
  </si>
  <si>
    <t>31639</t>
  </si>
  <si>
    <t>https://www.sciencedirect.com/science/journal/29501555</t>
  </si>
  <si>
    <t>Green Chemical Engineering</t>
  </si>
  <si>
    <t>2666-9528</t>
  </si>
  <si>
    <t>26669528</t>
  </si>
  <si>
    <t>31038</t>
  </si>
  <si>
    <t>https://www.sciencedirect.com/science/journal/26669528</t>
  </si>
  <si>
    <t>Green Energy &amp; Environment</t>
  </si>
  <si>
    <t>2468-0257</t>
  </si>
  <si>
    <t>24680257</t>
  </si>
  <si>
    <t>18336</t>
  </si>
  <si>
    <t>https://www.sciencedirect.com/science/journal/24680257</t>
  </si>
  <si>
    <t>Green Energy and Intelligent Transportation</t>
  </si>
  <si>
    <t>2773-1537</t>
  </si>
  <si>
    <t>27731537</t>
  </si>
  <si>
    <t>31446</t>
  </si>
  <si>
    <t>https://www.sciencedirect.com/science/journal/27731537</t>
  </si>
  <si>
    <t>Green Energy and Resources</t>
  </si>
  <si>
    <t>2949-7205</t>
  </si>
  <si>
    <t>29497205</t>
  </si>
  <si>
    <t>31490</t>
  </si>
  <si>
    <t>https://www.sciencedirect.com/science/journal/29497205</t>
  </si>
  <si>
    <t>Green Synthesis and Catalysis</t>
  </si>
  <si>
    <t>2666-5549</t>
  </si>
  <si>
    <t>26665549</t>
  </si>
  <si>
    <t>30377</t>
  </si>
  <si>
    <t>https://www.sciencedirect.com/science/journal/26665549</t>
  </si>
  <si>
    <t>Green Technologies and Sustainability</t>
  </si>
  <si>
    <t>2949-7361</t>
  </si>
  <si>
    <t>29497361</t>
  </si>
  <si>
    <t>31501</t>
  </si>
  <si>
    <t>https://www.sciencedirect.com/science/journal/29497361</t>
  </si>
  <si>
    <t>Gynecologic Oncology Case Reports</t>
  </si>
  <si>
    <t>2211-338X</t>
  </si>
  <si>
    <t>2211338X</t>
  </si>
  <si>
    <t>14068</t>
  </si>
  <si>
    <t>Continued as Gynecologic Oncology Reports</t>
  </si>
  <si>
    <t>https://www.sciencedirect.com/science/journal/2211338X</t>
  </si>
  <si>
    <t>Gynecologic Oncology Reports</t>
  </si>
  <si>
    <t>2352-5789</t>
  </si>
  <si>
    <t>23525789</t>
  </si>
  <si>
    <t>Formerly known as Gynecologic Oncology Case Reports</t>
  </si>
  <si>
    <t>https://www.sciencedirect.com/science/journal/23525789</t>
  </si>
  <si>
    <t>Gynecology and Minimally Invasive Therapy</t>
  </si>
  <si>
    <t>2213-3070</t>
  </si>
  <si>
    <t>22133070</t>
  </si>
  <si>
    <t>10137</t>
  </si>
  <si>
    <t>https://www.sciencedirect.com/science/journal/22133070</t>
  </si>
  <si>
    <t>Gynecology and Obstetrics Clinical Medicine</t>
  </si>
  <si>
    <t>2667-1646</t>
  </si>
  <si>
    <t>26671646</t>
  </si>
  <si>
    <t>31132</t>
  </si>
  <si>
    <t>https://www.sciencedirect.com/science/journal/26671646</t>
  </si>
  <si>
    <t>The Hand</t>
  </si>
  <si>
    <t>0072-968X</t>
  </si>
  <si>
    <t>0072968X</t>
  </si>
  <si>
    <t>12759</t>
  </si>
  <si>
    <t>Continued as The Journal of Hand Surgery: British &amp; European Volume</t>
  </si>
  <si>
    <t>https://www.sciencedirect.com/science/journal/0072968X</t>
  </si>
  <si>
    <t>HardwareX</t>
  </si>
  <si>
    <t>2468-0672</t>
  </si>
  <si>
    <t>24680672</t>
  </si>
  <si>
    <t>18318</t>
  </si>
  <si>
    <t>https://www.sciencedirect.com/science/journal/24680672</t>
  </si>
  <si>
    <t>HAYATI Journal of Biosciences</t>
  </si>
  <si>
    <t>1978-3019</t>
  </si>
  <si>
    <t>19783019</t>
  </si>
  <si>
    <t>18279</t>
  </si>
  <si>
    <t>https://www.sciencedirect.com/science/journal/19783019</t>
  </si>
  <si>
    <t>HBRC Journal</t>
  </si>
  <si>
    <t>1687-4048</t>
  </si>
  <si>
    <t>16874048</t>
  </si>
  <si>
    <t>10145</t>
  </si>
  <si>
    <t>https://www.sciencedirect.com/science/journal/16874048</t>
  </si>
  <si>
    <t>Health Care Transitions</t>
  </si>
  <si>
    <t>2949-9232</t>
  </si>
  <si>
    <t>29499232</t>
  </si>
  <si>
    <t>31606</t>
  </si>
  <si>
    <t>https://www.sciencedirect.com/science/journal/29499232</t>
  </si>
  <si>
    <t>Health Policy OPEN</t>
  </si>
  <si>
    <t>2590-2296</t>
  </si>
  <si>
    <t>25902296</t>
  </si>
  <si>
    <t>30108</t>
  </si>
  <si>
    <t>https://www.sciencedirect.com/science/journal/25902296</t>
  </si>
  <si>
    <t>Health Professions Education</t>
  </si>
  <si>
    <t>2452-3011</t>
  </si>
  <si>
    <t>24523011</t>
  </si>
  <si>
    <t>18224</t>
  </si>
  <si>
    <t>Transferred back to the society as of 2022</t>
  </si>
  <si>
    <t>https://www.sciencedirect.com/science/journal/24523011</t>
  </si>
  <si>
    <t>Health SA Gesondheid</t>
  </si>
  <si>
    <t>1025-9848</t>
  </si>
  <si>
    <t>10259848</t>
  </si>
  <si>
    <t>18165</t>
  </si>
  <si>
    <t>https://www.sciencedirect.com/science/journal/10259848</t>
  </si>
  <si>
    <t>Health Sciences Review</t>
  </si>
  <si>
    <t>2772-6320</t>
  </si>
  <si>
    <t>27726320</t>
  </si>
  <si>
    <t>31280</t>
  </si>
  <si>
    <t>https://www.sciencedirect.com/science/journal/27726320</t>
  </si>
  <si>
    <t>Healthcare Analytics</t>
  </si>
  <si>
    <t>2772-4425</t>
  </si>
  <si>
    <t>27724425</t>
  </si>
  <si>
    <t>31243</t>
  </si>
  <si>
    <t>https://www.sciencedirect.com/science/journal/27724425</t>
  </si>
  <si>
    <t>Healthcare Management Forum</t>
  </si>
  <si>
    <t>0840-4704</t>
  </si>
  <si>
    <t>08404704</t>
  </si>
  <si>
    <t>13452</t>
  </si>
  <si>
    <t>Transferred to Sage as of 2015</t>
  </si>
  <si>
    <t>https://www.sciencedirect.com/science/journal/08404704</t>
  </si>
  <si>
    <t>Heart Rhythm O2</t>
  </si>
  <si>
    <t>2666-5018</t>
  </si>
  <si>
    <t>26665018</t>
  </si>
  <si>
    <t>30333</t>
  </si>
  <si>
    <t>https://www.sciencedirect.com/science/journal/26665018</t>
  </si>
  <si>
    <t>HeartRhythm Case Reports</t>
  </si>
  <si>
    <t>2214-0271</t>
  </si>
  <si>
    <t>22140271</t>
  </si>
  <si>
    <t>14151</t>
  </si>
  <si>
    <t>https://www.sciencedirect.com/science/journal/22140271</t>
  </si>
  <si>
    <t>Heliyon</t>
  </si>
  <si>
    <t>2405-8440</t>
  </si>
  <si>
    <t>24058440</t>
  </si>
  <si>
    <t>18230</t>
  </si>
  <si>
    <t>https://www.sciencedirect.com/science/journal/24058440</t>
  </si>
  <si>
    <t>Hellenic Journal of Cardiology</t>
  </si>
  <si>
    <t>1109-9666</t>
  </si>
  <si>
    <t>11099666</t>
  </si>
  <si>
    <t>18356</t>
  </si>
  <si>
    <t>https://www.sciencedirect.com/science/journal/11099666</t>
  </si>
  <si>
    <t>Hematology/Oncology and Stem Cell Therapy</t>
  </si>
  <si>
    <t>1658-3876</t>
  </si>
  <si>
    <t>16583876</t>
  </si>
  <si>
    <t>10160</t>
  </si>
  <si>
    <t>https://www.sciencedirect.com/science/journal/16583876</t>
  </si>
  <si>
    <t>Hematology, Transfusion and Cell Therapy</t>
  </si>
  <si>
    <t>2531-1379</t>
  </si>
  <si>
    <t>25311379</t>
  </si>
  <si>
    <t>15904</t>
  </si>
  <si>
    <t>Formerly known as Revista Brasileira de Hematologia e Hemoterapia</t>
  </si>
  <si>
    <t>https://www.sciencedirect.com/science/journal/25311379</t>
  </si>
  <si>
    <t>Hepatology</t>
  </si>
  <si>
    <t>0270-9139</t>
  </si>
  <si>
    <t>02709139</t>
  </si>
  <si>
    <t>13220</t>
  </si>
  <si>
    <t>https://www.sciencedirect.com/science/journal/02709139</t>
  </si>
  <si>
    <t>Hepatology Research</t>
  </si>
  <si>
    <t>1386-6346</t>
  </si>
  <si>
    <t>13866346</t>
  </si>
  <si>
    <t>08023</t>
  </si>
  <si>
    <t>Formerly known as International Hepatology Communications; Transferred to Blackwell Publishing as of 2007</t>
  </si>
  <si>
    <t>https://www.sciencedirect.com/science/journal/13866346</t>
  </si>
  <si>
    <t>High-Confidence Computing</t>
  </si>
  <si>
    <t>2667-2952</t>
  </si>
  <si>
    <t>26672952</t>
  </si>
  <si>
    <t>31164</t>
  </si>
  <si>
    <t>https://www.sciencedirect.com/science/journal/26672952</t>
  </si>
  <si>
    <t>Higher Education Policy</t>
  </si>
  <si>
    <t>0952-8733</t>
  </si>
  <si>
    <t>09528733</t>
  </si>
  <si>
    <t>00999</t>
  </si>
  <si>
    <t>Transferred to Palgrave Macmillan as of 2003</t>
  </si>
  <si>
    <t>https://www.sciencedirect.com/science/journal/09528733</t>
  </si>
  <si>
    <t>High-speed Railway</t>
  </si>
  <si>
    <t>2949-8678</t>
  </si>
  <si>
    <t>29498678</t>
  </si>
  <si>
    <t>31573</t>
  </si>
  <si>
    <t>https://www.sciencedirect.com/science/journal/29498678</t>
  </si>
  <si>
    <t>Hipertensión y Riesgo Vascular</t>
  </si>
  <si>
    <t>1889-1837</t>
  </si>
  <si>
    <t>18891837</t>
  </si>
  <si>
    <t>15727</t>
  </si>
  <si>
    <t>Formerly known as Hipertensión; Transferred back to society as of Dec 2025;</t>
  </si>
  <si>
    <t>https://www.sciencedirect.com/science/journal/18891837</t>
  </si>
  <si>
    <t>History of European Ideas</t>
  </si>
  <si>
    <t>0191-6599</t>
  </si>
  <si>
    <t>01916599</t>
  </si>
  <si>
    <t>00605</t>
  </si>
  <si>
    <t>Transferred to Taylor &amp; Francis as of 2012</t>
  </si>
  <si>
    <t>https://www.sciencedirect.com/science/journal/01916599</t>
  </si>
  <si>
    <t>The History of the Family</t>
  </si>
  <si>
    <t>1081-602X</t>
  </si>
  <si>
    <t>1081602X</t>
  </si>
  <si>
    <t>07409</t>
  </si>
  <si>
    <t>https://www.sciencedirect.com/science/journal/1081602X</t>
  </si>
  <si>
    <t>HIV &amp; AIDS Review</t>
  </si>
  <si>
    <t>1730-1270</t>
  </si>
  <si>
    <t>17301270</t>
  </si>
  <si>
    <t>11002</t>
  </si>
  <si>
    <t>Transferred to Termedia sp. z o.o. as of 2017</t>
  </si>
  <si>
    <t>https://www.sciencedirect.com/science/journal/17301270</t>
  </si>
  <si>
    <t>hLife</t>
  </si>
  <si>
    <t>2949-9283</t>
  </si>
  <si>
    <t>29499283</t>
  </si>
  <si>
    <t>31610</t>
  </si>
  <si>
    <t>https://www.sciencedirect.com/science/journal/29499283</t>
  </si>
  <si>
    <t>Homeopathy</t>
  </si>
  <si>
    <t>1475-4916</t>
  </si>
  <si>
    <t>14754916</t>
  </si>
  <si>
    <t>12915</t>
  </si>
  <si>
    <t>Formerly known as British Homoeopathic Journal; Transferred to Thieme as of 2018</t>
  </si>
  <si>
    <t>https://www.sciencedirect.com/science/journal/14754916</t>
  </si>
  <si>
    <t>HOMO</t>
  </si>
  <si>
    <t>0018-442X</t>
  </si>
  <si>
    <t>0018442X</t>
  </si>
  <si>
    <t>10023</t>
  </si>
  <si>
    <t>https://www.sciencedirect.com/science/journal/0018442X</t>
  </si>
  <si>
    <t>Hong Kong Journal of Nephrology</t>
  </si>
  <si>
    <t>1561-5413</t>
  </si>
  <si>
    <t>15615413</t>
  </si>
  <si>
    <t>08588</t>
  </si>
  <si>
    <t>https://www.sciencedirect.com/science/journal/15615413</t>
  </si>
  <si>
    <t>Hong Kong Journal of Occupational Therapy</t>
  </si>
  <si>
    <t>1569-1861</t>
  </si>
  <si>
    <t>15691861</t>
  </si>
  <si>
    <t>08589</t>
  </si>
  <si>
    <t>https://www.sciencedirect.com/science/journal/15691861</t>
  </si>
  <si>
    <t>Hong Kong Physiotherapy Journal</t>
  </si>
  <si>
    <t>1013-7025</t>
  </si>
  <si>
    <t>10137025</t>
  </si>
  <si>
    <t>08585</t>
  </si>
  <si>
    <t>https://www.sciencedirect.com/science/journal/10137025</t>
  </si>
  <si>
    <t>Hormigón y Acero</t>
  </si>
  <si>
    <t>0439-5689</t>
  </si>
  <si>
    <t>04395689</t>
  </si>
  <si>
    <t>16830</t>
  </si>
  <si>
    <t>https://www.sciencedirect.com/science/journal/04395689</t>
  </si>
  <si>
    <t>Horticultural Plant Journal</t>
  </si>
  <si>
    <t>2468-0141</t>
  </si>
  <si>
    <t>24680141</t>
  </si>
  <si>
    <t>18316</t>
  </si>
  <si>
    <t>https://www.sciencedirect.com/science/journal/24680141</t>
  </si>
  <si>
    <t>Human Factors in Healthcare</t>
  </si>
  <si>
    <t>2772-5014</t>
  </si>
  <si>
    <t>27725014</t>
  </si>
  <si>
    <t>31250</t>
  </si>
  <si>
    <t>https://www.sciencedirect.com/science/journal/27725014</t>
  </si>
  <si>
    <t>Human Genetics and Genomics Advances</t>
  </si>
  <si>
    <t>2666-2477</t>
  </si>
  <si>
    <t>26662477</t>
  </si>
  <si>
    <t>30270</t>
  </si>
  <si>
    <t>https://www.sciencedirect.com/science/journal/26662477</t>
  </si>
  <si>
    <t>Human Microbiome Journal</t>
  </si>
  <si>
    <t>2452-2317</t>
  </si>
  <si>
    <t>24522317</t>
  </si>
  <si>
    <t>18354</t>
  </si>
  <si>
    <t>https://www.sciencedirect.com/science/journal/24522317</t>
  </si>
  <si>
    <t>Human Nutrition &amp; Metabolism</t>
  </si>
  <si>
    <t>2666-1497</t>
  </si>
  <si>
    <t>26661497</t>
  </si>
  <si>
    <t>14201</t>
  </si>
  <si>
    <t>https://www.sciencedirect.com/science/journal/26661497</t>
  </si>
  <si>
    <t>Human Pathology: Case Reports</t>
  </si>
  <si>
    <t>2214-3300</t>
  </si>
  <si>
    <t>22143300</t>
  </si>
  <si>
    <t>14155</t>
  </si>
  <si>
    <t>https://www.sciencedirect.com/science/journal/22143300</t>
  </si>
  <si>
    <t>Human Pathology Reports</t>
  </si>
  <si>
    <t>2772-736X</t>
  </si>
  <si>
    <t>2772736X</t>
  </si>
  <si>
    <t>https://www.sciencedirect.com/science/journal/2772736X</t>
  </si>
  <si>
    <t>Human Settlements and Sustainability</t>
  </si>
  <si>
    <t>3050-6077</t>
  </si>
  <si>
    <t>30506077</t>
  </si>
  <si>
    <t>32044</t>
  </si>
  <si>
    <t>https://www.sciencedirect.com/science/journal/30506077</t>
  </si>
  <si>
    <t>Hybrid Advances</t>
  </si>
  <si>
    <t>2773-207X</t>
  </si>
  <si>
    <t>2773207X</t>
  </si>
  <si>
    <t>31460</t>
  </si>
  <si>
    <t>https://www.sciencedirect.com/science/journal/2773207X</t>
  </si>
  <si>
    <t>HydroResearch</t>
  </si>
  <si>
    <t>2589-7578</t>
  </si>
  <si>
    <t>25897578</t>
  </si>
  <si>
    <t>18440</t>
  </si>
  <si>
    <t>https://www.sciencedirect.com/science/journal/25897578</t>
  </si>
  <si>
    <t>Hygiene and Environmental Health Advances</t>
  </si>
  <si>
    <t>2773-0492</t>
  </si>
  <si>
    <t>27730492</t>
  </si>
  <si>
    <t>31420</t>
  </si>
  <si>
    <t>https://www.sciencedirect.com/science/journal/27730492</t>
  </si>
  <si>
    <t>IATSS Research</t>
  </si>
  <si>
    <t>0386-1112</t>
  </si>
  <si>
    <t>03861112</t>
  </si>
  <si>
    <t>12899</t>
  </si>
  <si>
    <t>https://www.sciencedirect.com/science/journal/03861112</t>
  </si>
  <si>
    <t>IBRO Neuroscience Reports</t>
  </si>
  <si>
    <t>2667-2421</t>
  </si>
  <si>
    <t>26672421</t>
  </si>
  <si>
    <t>18263</t>
  </si>
  <si>
    <t>https://www.sciencedirect.com/science/journal/26672421</t>
  </si>
  <si>
    <t>IBRO Reports</t>
  </si>
  <si>
    <t>2451-8301</t>
  </si>
  <si>
    <t>24518301</t>
  </si>
  <si>
    <t>https://www.sciencedirect.com/science/journal/24518301</t>
  </si>
  <si>
    <t>ICT Express</t>
  </si>
  <si>
    <t>2405-9595</t>
  </si>
  <si>
    <t>24059595</t>
  </si>
  <si>
    <t>18247</t>
  </si>
  <si>
    <t>https://www.sciencedirect.com/science/journal/24059595</t>
  </si>
  <si>
    <t>IDCases</t>
  </si>
  <si>
    <t>2214-2509</t>
  </si>
  <si>
    <t>22142509</t>
  </si>
  <si>
    <t>18023</t>
  </si>
  <si>
    <t>https://www.sciencedirect.com/science/journal/22142509</t>
  </si>
  <si>
    <t>IERI Procedia</t>
  </si>
  <si>
    <t>2212-6678</t>
  </si>
  <si>
    <t>22126678</t>
  </si>
  <si>
    <t>08813</t>
  </si>
  <si>
    <t>https://www.sciencedirect.com/science/journal/22126678</t>
  </si>
  <si>
    <t>IFAC-PapersOnLine</t>
  </si>
  <si>
    <t>2405-8963</t>
  </si>
  <si>
    <t>24058963</t>
  </si>
  <si>
    <t>18189</t>
  </si>
  <si>
    <t>Formerly known as IFAC Proceedings Volumes</t>
  </si>
  <si>
    <t>https://www.sciencedirect.com/science/journal/24058963</t>
  </si>
  <si>
    <t>IFAC Proceedings Volumes</t>
  </si>
  <si>
    <t>1474-6670</t>
  </si>
  <si>
    <t>14746670</t>
  </si>
  <si>
    <t>Continued as IFAC-PapersOnLine</t>
  </si>
  <si>
    <t>https://www.sciencedirect.com/science/journal/14746670</t>
  </si>
  <si>
    <t>iGIE</t>
  </si>
  <si>
    <t>2949-7086</t>
  </si>
  <si>
    <t>29497086</t>
  </si>
  <si>
    <t>31486</t>
  </si>
  <si>
    <t>https://www.sciencedirect.com/science/journal/29497086</t>
  </si>
  <si>
    <t>IHJ Cardiovascular Case Reports (CVCR)</t>
  </si>
  <si>
    <t>2468-600X</t>
  </si>
  <si>
    <t>2468600X</t>
  </si>
  <si>
    <t>18372</t>
  </si>
  <si>
    <t>https://www.sciencedirect.com/science/journal/2468600X</t>
  </si>
  <si>
    <t>IHJ Cardiovascular Reports</t>
  </si>
  <si>
    <t>2950-4678</t>
  </si>
  <si>
    <t>29504678</t>
  </si>
  <si>
    <t>https://www.sciencedirect.com/science/journal/29504678</t>
  </si>
  <si>
    <t>IIMB Management Review</t>
  </si>
  <si>
    <t>0970-3896</t>
  </si>
  <si>
    <t>09703896</t>
  </si>
  <si>
    <t>12768</t>
  </si>
  <si>
    <t>https://www.sciencedirect.com/science/journal/09703896</t>
  </si>
  <si>
    <t>IJC Heart &amp; Vasculature</t>
  </si>
  <si>
    <t>2352-9067</t>
  </si>
  <si>
    <t>23529067</t>
  </si>
  <si>
    <t>08168</t>
  </si>
  <si>
    <t>Formerly known as IJC Heart &amp; Vessels</t>
  </si>
  <si>
    <t>https://www.sciencedirect.com/science/journal/23529067</t>
  </si>
  <si>
    <t>IJC Heart &amp; Vessels</t>
  </si>
  <si>
    <t>2214-7632</t>
  </si>
  <si>
    <t>22147632</t>
  </si>
  <si>
    <t>Continued as IJC Heart &amp; Vasculature</t>
  </si>
  <si>
    <t>https://www.sciencedirect.com/science/journal/22147632</t>
  </si>
  <si>
    <t>IJC Metabolic &amp; Endocrine</t>
  </si>
  <si>
    <t>2214-7624</t>
  </si>
  <si>
    <t>22147624</t>
  </si>
  <si>
    <t>08169</t>
  </si>
  <si>
    <t>https://www.sciencedirect.com/science/journal/22147624</t>
  </si>
  <si>
    <t>IJID One Health</t>
  </si>
  <si>
    <t>2949-9151</t>
  </si>
  <si>
    <t>29499151</t>
  </si>
  <si>
    <t>31586</t>
  </si>
  <si>
    <t>https://www.sciencedirect.com/science/journal/29499151</t>
  </si>
  <si>
    <t>IJID Regions</t>
  </si>
  <si>
    <t>2772-7076</t>
  </si>
  <si>
    <t>27727076</t>
  </si>
  <si>
    <t>31324</t>
  </si>
  <si>
    <t>https://www.sciencedirect.com/science/journal/27727076</t>
  </si>
  <si>
    <t>iLiver</t>
  </si>
  <si>
    <t>2772-9478</t>
  </si>
  <si>
    <t>27729478</t>
  </si>
  <si>
    <t>31387</t>
  </si>
  <si>
    <t>https://www.sciencedirect.com/science/journal/27729478</t>
  </si>
  <si>
    <t>Imagen Diagnóstica</t>
  </si>
  <si>
    <t>2171-3669</t>
  </si>
  <si>
    <t>21713669</t>
  </si>
  <si>
    <t>15776</t>
  </si>
  <si>
    <t>https://www.sciencedirect.com/science/journal/21713669</t>
  </si>
  <si>
    <t>Immuno-Oncology Technology</t>
  </si>
  <si>
    <t>2590-0188</t>
  </si>
  <si>
    <t>25900188</t>
  </si>
  <si>
    <t>30017</t>
  </si>
  <si>
    <t>https://www.sciencedirect.com/science/journal/25900188</t>
  </si>
  <si>
    <t>ImmunoInformatics</t>
  </si>
  <si>
    <t>2667-1190</t>
  </si>
  <si>
    <t>26671190</t>
  </si>
  <si>
    <t>31120</t>
  </si>
  <si>
    <t>https://www.sciencedirect.com/science/journal/26671190</t>
  </si>
  <si>
    <t>Indagationes Mathematicae</t>
  </si>
  <si>
    <t>0019-3577</t>
  </si>
  <si>
    <t>00193577</t>
  </si>
  <si>
    <t>05280</t>
  </si>
  <si>
    <t>Incorporating Indagationes Mathematicae (Proceedings)</t>
  </si>
  <si>
    <t>https://www.sciencedirect.com/science/journal/00193577</t>
  </si>
  <si>
    <t>Indian Heart Journal</t>
  </si>
  <si>
    <t>0019-4832</t>
  </si>
  <si>
    <t>00194832</t>
  </si>
  <si>
    <t>18007</t>
  </si>
  <si>
    <t>https://www.sciencedirect.com/science/journal/00194832</t>
  </si>
  <si>
    <t>Indian Journal of Dentistry</t>
  </si>
  <si>
    <t>0975-962X</t>
  </si>
  <si>
    <t>0975962X</t>
  </si>
  <si>
    <t>10086</t>
  </si>
  <si>
    <t>Transferred to Medknow Publications as of 2015</t>
  </si>
  <si>
    <t>https://www.sciencedirect.com/science/journal/0975962X</t>
  </si>
  <si>
    <t>Indian Journal of Medical Specialities</t>
  </si>
  <si>
    <t>0976-2884</t>
  </si>
  <si>
    <t>09762884</t>
  </si>
  <si>
    <t>17734</t>
  </si>
  <si>
    <t>https://www.sciencedirect.com/science/journal/09762884</t>
  </si>
  <si>
    <t>The Indian Journal of Neurotrauma</t>
  </si>
  <si>
    <t>0973-0508</t>
  </si>
  <si>
    <t>09730508</t>
  </si>
  <si>
    <t>10118</t>
  </si>
  <si>
    <t>https://www.sciencedirect.com/science/journal/09730508</t>
  </si>
  <si>
    <t>Indian Journal of Rheumatology</t>
  </si>
  <si>
    <t>0973-3698</t>
  </si>
  <si>
    <t>09733698</t>
  </si>
  <si>
    <t>08704</t>
  </si>
  <si>
    <t>Transferred to Medknow Publications as of 2017</t>
  </si>
  <si>
    <t>https://www.sciencedirect.com/science/journal/09733698</t>
  </si>
  <si>
    <t>Indian Journal of Transplantation</t>
  </si>
  <si>
    <t>2212-0017</t>
  </si>
  <si>
    <t>22120017</t>
  </si>
  <si>
    <t>10090</t>
  </si>
  <si>
    <t>Transferred to Wolters Kluwer as of 2018</t>
  </si>
  <si>
    <t>https://www.sciencedirect.com/science/journal/22120017</t>
  </si>
  <si>
    <t>Indian Pacing and Electrophysiology Journal</t>
  </si>
  <si>
    <t>0972-6292</t>
  </si>
  <si>
    <t>09726292</t>
  </si>
  <si>
    <t>18240</t>
  </si>
  <si>
    <t>https://www.sciencedirect.com/science/journal/09726292</t>
  </si>
  <si>
    <t>Indoor Environments</t>
  </si>
  <si>
    <t>2950-3620</t>
  </si>
  <si>
    <t>29503620</t>
  </si>
  <si>
    <t>31771</t>
  </si>
  <si>
    <t>https://www.sciencedirect.com/science/journal/29503620</t>
  </si>
  <si>
    <t>Infectio</t>
  </si>
  <si>
    <t>0123-9392</t>
  </si>
  <si>
    <t>01239392</t>
  </si>
  <si>
    <t>15983</t>
  </si>
  <si>
    <t>https://www.sciencedirect.com/science/journal/01239392</t>
  </si>
  <si>
    <t>Infection Prevention in Practice</t>
  </si>
  <si>
    <t>2590-0889</t>
  </si>
  <si>
    <t>25900889</t>
  </si>
  <si>
    <t>30043</t>
  </si>
  <si>
    <t>https://www.sciencedirect.com/science/journal/25900889</t>
  </si>
  <si>
    <t>Infectious Disease Modelling</t>
  </si>
  <si>
    <t>2468-0427</t>
  </si>
  <si>
    <t>24680427</t>
  </si>
  <si>
    <t>18312</t>
  </si>
  <si>
    <t>https://www.sciencedirect.com/science/journal/24680427</t>
  </si>
  <si>
    <t>Infectious Medicine</t>
  </si>
  <si>
    <t>2772-431X</t>
  </si>
  <si>
    <t>2772431X</t>
  </si>
  <si>
    <t>31244</t>
  </si>
  <si>
    <t>https://www.sciencedirect.com/science/journal/2772431X</t>
  </si>
  <si>
    <t>Informatics in Medicine Unlocked</t>
  </si>
  <si>
    <t>2352-9148</t>
  </si>
  <si>
    <t>23529148</t>
  </si>
  <si>
    <t>18129</t>
  </si>
  <si>
    <t>https://www.sciencedirect.com/science/journal/23529148</t>
  </si>
  <si>
    <t>Information Geography</t>
  </si>
  <si>
    <t>3050-5208</t>
  </si>
  <si>
    <t>30505208</t>
  </si>
  <si>
    <t>31999</t>
  </si>
  <si>
    <t>https://www.sciencedirect.com/science/journal/30505208</t>
  </si>
  <si>
    <t>Information Processing in Agriculture</t>
  </si>
  <si>
    <t>2214-3173</t>
  </si>
  <si>
    <t>22143173</t>
  </si>
  <si>
    <t>17020</t>
  </si>
  <si>
    <t>https://www.sciencedirect.com/science/journal/22143173</t>
  </si>
  <si>
    <t>Infosecurity</t>
  </si>
  <si>
    <t>1754-4548</t>
  </si>
  <si>
    <t>17544548</t>
  </si>
  <si>
    <t>04066</t>
  </si>
  <si>
    <t>Formerly known as Infosecurity Today; Transferred to Reed Exhibitions Limited as of 2012</t>
  </si>
  <si>
    <t>https://www.sciencedirect.com/science/journal/17544548</t>
  </si>
  <si>
    <t>Infosecurity Today</t>
  </si>
  <si>
    <t>1742-6847</t>
  </si>
  <si>
    <t>17426847</t>
  </si>
  <si>
    <t>Continued as Infosecurity</t>
  </si>
  <si>
    <t>https://www.sciencedirect.com/science/journal/17426847</t>
  </si>
  <si>
    <t>Journal of Infrastructure Intelligence and Resilience</t>
  </si>
  <si>
    <t>2772-9915</t>
  </si>
  <si>
    <t>27729915</t>
  </si>
  <si>
    <t>31399</t>
  </si>
  <si>
    <t>https://www.sciencedirect.com/science/journal/27729915</t>
  </si>
  <si>
    <t>Ingeniería, Investigación y Tecnología</t>
  </si>
  <si>
    <t>1405-7743</t>
  </si>
  <si>
    <t>14057743</t>
  </si>
  <si>
    <t>16359</t>
  </si>
  <si>
    <t>https://www.sciencedirect.com/science/journal/14057743</t>
  </si>
  <si>
    <t>Injury Extra</t>
  </si>
  <si>
    <t>1572-3461</t>
  </si>
  <si>
    <t>15723461</t>
  </si>
  <si>
    <t>03041</t>
  </si>
  <si>
    <t>Title discontinued as of 2015</t>
  </si>
  <si>
    <t>https://www.sciencedirect.com/science/journal/15723461</t>
  </si>
  <si>
    <t>Inmunología</t>
  </si>
  <si>
    <t>0213-9626</t>
  </si>
  <si>
    <t>02139626</t>
  </si>
  <si>
    <t>15951</t>
  </si>
  <si>
    <t>https://www.sciencedirect.com/science/journal/02139626</t>
  </si>
  <si>
    <t>The Innovation</t>
  </si>
  <si>
    <t>2666-6758</t>
  </si>
  <si>
    <t>26666758</t>
  </si>
  <si>
    <t>30418</t>
  </si>
  <si>
    <t>https://www.sciencedirect.com/science/journal/26666758</t>
  </si>
  <si>
    <t>Innovation and Green Development</t>
  </si>
  <si>
    <t>2949-7531</t>
  </si>
  <si>
    <t>29497531</t>
  </si>
  <si>
    <t>31514</t>
  </si>
  <si>
    <t>https://www.sciencedirect.com/science/journal/29497531</t>
  </si>
  <si>
    <t>Innovative Practice in Breast Health</t>
  </si>
  <si>
    <t>2950-2128</t>
  </si>
  <si>
    <t>29502128</t>
  </si>
  <si>
    <t>31665</t>
  </si>
  <si>
    <t>https://www.sciencedirect.com/science/journal/29502128</t>
  </si>
  <si>
    <t>Insight - the Journal of the American Society of Ophthalmic Registered Nurses</t>
  </si>
  <si>
    <t>1060-135X</t>
  </si>
  <si>
    <t>1060135X</t>
  </si>
  <si>
    <t>13171</t>
  </si>
  <si>
    <t>Transferred to The American Society of Ophthalmic Registered Nurses as of 2002</t>
  </si>
  <si>
    <t>https://www.sciencedirect.com/science/journal/1060135X</t>
  </si>
  <si>
    <t>Intellectual Economics</t>
  </si>
  <si>
    <t>1822-8011</t>
  </si>
  <si>
    <t>18228011</t>
  </si>
  <si>
    <t>18200</t>
  </si>
  <si>
    <t>https://www.sciencedirect.com/science/journal/18228011</t>
  </si>
  <si>
    <t>Intelligence-Based Medicine</t>
  </si>
  <si>
    <t>2666-5212</t>
  </si>
  <si>
    <t>26665212</t>
  </si>
  <si>
    <t>30343</t>
  </si>
  <si>
    <t>https://www.sciencedirect.com/science/journal/26665212</t>
  </si>
  <si>
    <t>Intelligent Climate and Eco-Environment</t>
  </si>
  <si>
    <t>3051-2530</t>
  </si>
  <si>
    <t>30512530</t>
  </si>
  <si>
    <t>32183</t>
  </si>
  <si>
    <t>https://www.sciencedirect.com/science/journal/30512530</t>
  </si>
  <si>
    <t>Intelligent Data Analysis</t>
  </si>
  <si>
    <t>1088-467X</t>
  </si>
  <si>
    <t>1088467X</t>
  </si>
  <si>
    <t>04672</t>
  </si>
  <si>
    <t>Transferred to IOS Press as of 2000</t>
  </si>
  <si>
    <t>https://www.sciencedirect.com/science/journal/1088467X</t>
  </si>
  <si>
    <t>Intelligent Geoengineering</t>
  </si>
  <si>
    <t>3050-6190</t>
  </si>
  <si>
    <t>30506190</t>
  </si>
  <si>
    <t>32055</t>
  </si>
  <si>
    <t>https://www.sciencedirect.com/science/journal/30506190</t>
  </si>
  <si>
    <t>Intelligent Hospital</t>
  </si>
  <si>
    <t>3050-8371</t>
  </si>
  <si>
    <t>30508371</t>
  </si>
  <si>
    <t>32109</t>
  </si>
  <si>
    <t>https://www.sciencedirect.com/science/journal/30508371</t>
  </si>
  <si>
    <t>Intelligent Medicine</t>
  </si>
  <si>
    <t>2667-1026</t>
  </si>
  <si>
    <t>26671026</t>
  </si>
  <si>
    <t>31107</t>
  </si>
  <si>
    <t>https://www.sciencedirect.com/science/journal/26671026</t>
  </si>
  <si>
    <t>Intelligent Pharmacy</t>
  </si>
  <si>
    <t>2949-866X</t>
  </si>
  <si>
    <t>2949866X</t>
  </si>
  <si>
    <t>31574</t>
  </si>
  <si>
    <t>https://www.sciencedirect.com/science/journal/2949866X</t>
  </si>
  <si>
    <t>Intelligent Sports and Health</t>
  </si>
  <si>
    <t>3050-5445</t>
  </si>
  <si>
    <t>30505445</t>
  </si>
  <si>
    <t>32013</t>
  </si>
  <si>
    <t>https://www.sciencedirect.com/science/journal/30505445</t>
  </si>
  <si>
    <t>Intelligent Surgery</t>
  </si>
  <si>
    <t>2666-6766</t>
  </si>
  <si>
    <t>26666766</t>
  </si>
  <si>
    <t>30414</t>
  </si>
  <si>
    <t>https://www.sciencedirect.com/science/journal/26666766</t>
  </si>
  <si>
    <t>Intelligent Systems with Applications</t>
  </si>
  <si>
    <t>2667-3053</t>
  </si>
  <si>
    <t>26673053</t>
  </si>
  <si>
    <t>https://www.sciencedirect.com/science/journal/26673053</t>
  </si>
  <si>
    <t>Intensive Care Science</t>
  </si>
  <si>
    <t>3117-8219</t>
  </si>
  <si>
    <t>31178219</t>
  </si>
  <si>
    <t>32362</t>
  </si>
  <si>
    <t>https://www.sciencedirect.com/science/journal/31178219</t>
  </si>
  <si>
    <t>Interacting with Computers</t>
  </si>
  <si>
    <t>0953-5438</t>
  </si>
  <si>
    <t>09535438</t>
  </si>
  <si>
    <t>05287</t>
  </si>
  <si>
    <t>Transferred to Oxford University Press as of 2013</t>
  </si>
  <si>
    <t>https://www.sciencedirect.com/science/journal/09535438</t>
  </si>
  <si>
    <t>Interdisciplinary Neurosurgery</t>
  </si>
  <si>
    <t>2214-7519</t>
  </si>
  <si>
    <t>22147519</t>
  </si>
  <si>
    <t>18053</t>
  </si>
  <si>
    <t>https://www.sciencedirect.com/science/journal/22147519</t>
  </si>
  <si>
    <t>International Comparative Jurisprudence</t>
  </si>
  <si>
    <t>2351-6674</t>
  </si>
  <si>
    <t>23516674</t>
  </si>
  <si>
    <t>18201</t>
  </si>
  <si>
    <t>https://www.sciencedirect.com/science/journal/23516674</t>
  </si>
  <si>
    <t>The International Food and Agribusiness Management Review</t>
  </si>
  <si>
    <t>1096-7508</t>
  </si>
  <si>
    <t>10967508</t>
  </si>
  <si>
    <t>07411</t>
  </si>
  <si>
    <t>Transferred to the International Food and Agribusiness Management Association as of 2003</t>
  </si>
  <si>
    <t>https://www.sciencedirect.com/science/journal/10967508</t>
  </si>
  <si>
    <t>International Health</t>
  </si>
  <si>
    <t>1876-3413</t>
  </si>
  <si>
    <t>18763413</t>
  </si>
  <si>
    <t>04126</t>
  </si>
  <si>
    <t>https://www.sciencedirect.com/science/journal/18763413</t>
  </si>
  <si>
    <t>International Hepatology Communications</t>
  </si>
  <si>
    <t>0928-4346</t>
  </si>
  <si>
    <t>09284346</t>
  </si>
  <si>
    <t>Continued as Hepatology Research</t>
  </si>
  <si>
    <t>https://www.sciencedirect.com/science/journal/09284346</t>
  </si>
  <si>
    <t>The International Information &amp; Library Review</t>
  </si>
  <si>
    <t>1057-2317</t>
  </si>
  <si>
    <t>10572317</t>
  </si>
  <si>
    <t>12609</t>
  </si>
  <si>
    <t>Formerly known as International Library Review; transferred to Taylor &amp; Francis as of 2014</t>
  </si>
  <si>
    <t>https://www.sciencedirect.com/science/journal/10572317</t>
  </si>
  <si>
    <t>International Journal of Advanced Nuclear Reactor Design and Technology</t>
  </si>
  <si>
    <t>2468-6050</t>
  </si>
  <si>
    <t>24686050</t>
  </si>
  <si>
    <t>18369</t>
  </si>
  <si>
    <t>https://www.sciencedirect.com/science/journal/24686050</t>
  </si>
  <si>
    <t>International Journal of Africa Nursing Sciences</t>
  </si>
  <si>
    <t>2214-1391</t>
  </si>
  <si>
    <t>22141391</t>
  </si>
  <si>
    <t>08831</t>
  </si>
  <si>
    <t>https://www.sciencedirect.com/science/journal/22141391</t>
  </si>
  <si>
    <t>International Journal of Aromatherapy</t>
  </si>
  <si>
    <t>0962-4562</t>
  </si>
  <si>
    <t>09624562</t>
  </si>
  <si>
    <t>12824</t>
  </si>
  <si>
    <t>Transferred to Essential Oil Resource Consultants as of 2007</t>
  </si>
  <si>
    <t>https://www.sciencedirect.com/science/journal/09624562</t>
  </si>
  <si>
    <t>International Journal of Cardiology Congenital Heart Disease</t>
  </si>
  <si>
    <t>2666-6685</t>
  </si>
  <si>
    <t>26666685</t>
  </si>
  <si>
    <t>30412</t>
  </si>
  <si>
    <t>https://www.sciencedirect.com/science/journal/26666685</t>
  </si>
  <si>
    <t>International Journal of Cardiology Hypertension</t>
  </si>
  <si>
    <t>2590-0862</t>
  </si>
  <si>
    <t>25900862</t>
  </si>
  <si>
    <t>30056</t>
  </si>
  <si>
    <t>https://www.sciencedirect.com/science/journal/25900862</t>
  </si>
  <si>
    <t>International Journal of the Cardiovascular Academy</t>
  </si>
  <si>
    <t>2405-8181</t>
  </si>
  <si>
    <t>24058181</t>
  </si>
  <si>
    <t>18233</t>
  </si>
  <si>
    <t>https://www.sciencedirect.com/science/journal/24058181</t>
  </si>
  <si>
    <t>International Journal of Chemical and Analytical Science</t>
  </si>
  <si>
    <t>0976-1209</t>
  </si>
  <si>
    <t>09761209</t>
  </si>
  <si>
    <t>18014</t>
  </si>
  <si>
    <t>https://www.sciencedirect.com/science/journal/09761209</t>
  </si>
  <si>
    <t>International Journal of Clinical and Health Psychology</t>
  </si>
  <si>
    <t>1697-2600</t>
  </si>
  <si>
    <t>16972600</t>
  </si>
  <si>
    <t>15827</t>
  </si>
  <si>
    <t>https://www.sciencedirect.com/science/journal/16972600</t>
  </si>
  <si>
    <t>International Journal of Cognitive Computing in Engineering</t>
  </si>
  <si>
    <t>2666-3074</t>
  </si>
  <si>
    <t>26663074</t>
  </si>
  <si>
    <t>30285</t>
  </si>
  <si>
    <t>https://www.sciencedirect.com/science/journal/26663074</t>
  </si>
  <si>
    <t>International Journal of Dental Science and Research</t>
  </si>
  <si>
    <t>2213-9974</t>
  </si>
  <si>
    <t>22139974</t>
  </si>
  <si>
    <t>17007</t>
  </si>
  <si>
    <t>https://www.sciencedirect.com/science/journal/22139974</t>
  </si>
  <si>
    <t>International Journal of Developmental Neuroscience</t>
  </si>
  <si>
    <t>0736-5748</t>
  </si>
  <si>
    <t>07365748</t>
  </si>
  <si>
    <t>00712</t>
  </si>
  <si>
    <t>https://www.sciencedirect.com/science/journal/07365748</t>
  </si>
  <si>
    <t>International Journal of Diabetes Mellitus</t>
  </si>
  <si>
    <t>1877-5934</t>
  </si>
  <si>
    <t>18775934</t>
  </si>
  <si>
    <t>05623</t>
  </si>
  <si>
    <t>Transferred back to the society as of 2011</t>
  </si>
  <si>
    <t>https://www.sciencedirect.com/science/journal/18775934</t>
  </si>
  <si>
    <t>International Journal of Educational Research Open</t>
  </si>
  <si>
    <t>2666-3740</t>
  </si>
  <si>
    <t>26663740</t>
  </si>
  <si>
    <t>30295</t>
  </si>
  <si>
    <t>https://www.sciencedirect.com/science/journal/26663740</t>
  </si>
  <si>
    <t>International Journal of Electrochemical Science</t>
  </si>
  <si>
    <t>1452-3981</t>
  </si>
  <si>
    <t>14523981</t>
  </si>
  <si>
    <t>31608</t>
  </si>
  <si>
    <t>https://www.sciencedirect.com/science/journal/14523981</t>
  </si>
  <si>
    <t>International Journal of e-Navigation and Maritime Economy</t>
  </si>
  <si>
    <t>2405-5352</t>
  </si>
  <si>
    <t>24055352</t>
  </si>
  <si>
    <t>18153</t>
  </si>
  <si>
    <t>https://www.sciencedirect.com/science/journal/24055352</t>
  </si>
  <si>
    <t>International Journal of Epilepsy</t>
  </si>
  <si>
    <t>2213-6320</t>
  </si>
  <si>
    <t>22136320</t>
  </si>
  <si>
    <t>10161</t>
  </si>
  <si>
    <t>Transferred to Thieme Medical and Scientific Publishers as of 2018</t>
  </si>
  <si>
    <t>https://www.sciencedirect.com/science/journal/22136320</t>
  </si>
  <si>
    <t>International Journal of Gastronomy and Food Science</t>
  </si>
  <si>
    <t>1878-450X</t>
  </si>
  <si>
    <t>1878450X</t>
  </si>
  <si>
    <t>10098</t>
  </si>
  <si>
    <t>https://www.sciencedirect.com/science/journal/1878450X</t>
  </si>
  <si>
    <t>International Journal of Geoheritage and Parks</t>
  </si>
  <si>
    <t>2577-4441</t>
  </si>
  <si>
    <t>25774441</t>
  </si>
  <si>
    <t>30019</t>
  </si>
  <si>
    <t>https://www.sciencedirect.com/science/journal/25774441</t>
  </si>
  <si>
    <t>International Journal of Gerontology</t>
  </si>
  <si>
    <t>1873-9598</t>
  </si>
  <si>
    <t>18739598</t>
  </si>
  <si>
    <t>08649</t>
  </si>
  <si>
    <t>https://www.sciencedirect.com/science/journal/18739598</t>
  </si>
  <si>
    <t>International Journal of Gynecology &amp; Obstetrics</t>
  </si>
  <si>
    <t>0020-7292</t>
  </si>
  <si>
    <t>00207292</t>
  </si>
  <si>
    <t>08026</t>
  </si>
  <si>
    <t>Transferred to Wiley as of 2017</t>
  </si>
  <si>
    <t>https://www.sciencedirect.com/science/journal/00207292</t>
  </si>
  <si>
    <t>International Journal of Infectious Diseases</t>
  </si>
  <si>
    <t>1201-9712</t>
  </si>
  <si>
    <t>12019712</t>
  </si>
  <si>
    <t>04292</t>
  </si>
  <si>
    <t>https://www.sciencedirect.com/science/journal/12019712</t>
  </si>
  <si>
    <t>International Journal of Information Management Data Insights</t>
  </si>
  <si>
    <t>2667-0968</t>
  </si>
  <si>
    <t>26670968</t>
  </si>
  <si>
    <t>31103</t>
  </si>
  <si>
    <t>https://www.sciencedirect.com/science/journal/26670968</t>
  </si>
  <si>
    <t>International Journal of Innovation Studies</t>
  </si>
  <si>
    <t>2096-2487</t>
  </si>
  <si>
    <t>20962487</t>
  </si>
  <si>
    <t>18405</t>
  </si>
  <si>
    <t>https://www.sciencedirect.com/science/journal/20962487</t>
  </si>
  <si>
    <t>International Journal of Intelligent Networks</t>
  </si>
  <si>
    <t>2666-6030</t>
  </si>
  <si>
    <t>26666030</t>
  </si>
  <si>
    <t>30392</t>
  </si>
  <si>
    <t>https://www.sciencedirect.com/science/journal/26666030</t>
  </si>
  <si>
    <t>International Journal of Lightweight Materials and Manufacture</t>
  </si>
  <si>
    <t>2588-8404</t>
  </si>
  <si>
    <t>25888404</t>
  </si>
  <si>
    <t>18406</t>
  </si>
  <si>
    <t>https://www.sciencedirect.com/science/journal/25888404</t>
  </si>
  <si>
    <t>International Journal of Minerals, Metallurgy and Materials</t>
  </si>
  <si>
    <t>1674-4799</t>
  </si>
  <si>
    <t>16744799</t>
  </si>
  <si>
    <t>04255</t>
  </si>
  <si>
    <t>Formerly known as Journal of University of Science and Technology Beijing, Mineral, Metallurgy, Material; Transferred to Springer Verlag as of 2010</t>
  </si>
  <si>
    <t>https://www.sciencedirect.com/science/journal/16744799</t>
  </si>
  <si>
    <t>International Journal of Museum Management and Curatorship</t>
  </si>
  <si>
    <t>0260-4779</t>
  </si>
  <si>
    <t>02604779</t>
  </si>
  <si>
    <t>03070</t>
  </si>
  <si>
    <t>Continued as Museum Management Curatorship</t>
  </si>
  <si>
    <t>https://www.sciencedirect.com/science/journal/02604779</t>
  </si>
  <si>
    <t>International Journal of Mycobacteriology</t>
  </si>
  <si>
    <t>2212-5531</t>
  </si>
  <si>
    <t>22125531</t>
  </si>
  <si>
    <t>18002</t>
  </si>
  <si>
    <t>https://www.sciencedirect.com/science/journal/22125531</t>
  </si>
  <si>
    <t>The International Journal of Nautical Archaeology</t>
  </si>
  <si>
    <t>1057-2414</t>
  </si>
  <si>
    <t>10572414</t>
  </si>
  <si>
    <t>12646</t>
  </si>
  <si>
    <t>https://www.sciencedirect.com/science/journal/10572414</t>
  </si>
  <si>
    <t>International Journal of Naval Architecture and Ocean Engineering</t>
  </si>
  <si>
    <t>2092-6782</t>
  </si>
  <si>
    <t>20926782</t>
  </si>
  <si>
    <t>18298</t>
  </si>
  <si>
    <t>https://www.sciencedirect.com/science/journal/20926782</t>
  </si>
  <si>
    <t>International Journal of Nursing Sciences</t>
  </si>
  <si>
    <t>2352-0132</t>
  </si>
  <si>
    <t>23520132</t>
  </si>
  <si>
    <t>18057</t>
  </si>
  <si>
    <t>https://www.sciencedirect.com/science/journal/23520132</t>
  </si>
  <si>
    <t>International Journal of Nursing Studies Advances</t>
  </si>
  <si>
    <t>2666-142X</t>
  </si>
  <si>
    <t>2666142X</t>
  </si>
  <si>
    <t>30234</t>
  </si>
  <si>
    <t>https://www.sciencedirect.com/science/journal/2666142X</t>
  </si>
  <si>
    <t>International Journal for Parasitology: Drugs and Drug Resistance</t>
  </si>
  <si>
    <t>2211-3207</t>
  </si>
  <si>
    <t>22113207</t>
  </si>
  <si>
    <t>12969</t>
  </si>
  <si>
    <t>https://www.sciencedirect.com/science/journal/22113207</t>
  </si>
  <si>
    <t>International Journal for Parasitology: Parasites and Wildlife</t>
  </si>
  <si>
    <t>2213-2244</t>
  </si>
  <si>
    <t>22132244</t>
  </si>
  <si>
    <t>10131</t>
  </si>
  <si>
    <t>https://www.sciencedirect.com/science/journal/22132244</t>
  </si>
  <si>
    <t>International Journal of Pavement Research and Technology</t>
  </si>
  <si>
    <t>1996-6814</t>
  </si>
  <si>
    <t>19966814</t>
  </si>
  <si>
    <t>18304</t>
  </si>
  <si>
    <t>https://www.sciencedirect.com/science/journal/19966814</t>
  </si>
  <si>
    <t>International Journal of Pediatrics and Adolescent Medicine</t>
  </si>
  <si>
    <t>2352-6467</t>
  </si>
  <si>
    <t>23526467</t>
  </si>
  <si>
    <t>18110</t>
  </si>
  <si>
    <t>Title Transferred to Wolters Kluwer as of 2024</t>
  </si>
  <si>
    <t>https://www.sciencedirect.com/science/journal/23526467</t>
  </si>
  <si>
    <t>International Journal of Pharmaceutics: X</t>
  </si>
  <si>
    <t>2590-1567</t>
  </si>
  <si>
    <t>25901567</t>
  </si>
  <si>
    <t>18461</t>
  </si>
  <si>
    <t>https://www.sciencedirect.com/science/journal/25901567</t>
  </si>
  <si>
    <t>International Journal of Sediment Research</t>
  </si>
  <si>
    <t>1001-6279</t>
  </si>
  <si>
    <t>10016279</t>
  </si>
  <si>
    <t>08648</t>
  </si>
  <si>
    <t>https://www.sciencedirect.com/science/journal/10016279</t>
  </si>
  <si>
    <t>The International Journal of Spine Surgery</t>
  </si>
  <si>
    <t>2211-4599</t>
  </si>
  <si>
    <t>22114599</t>
  </si>
  <si>
    <t>13449</t>
  </si>
  <si>
    <t>Formerly known as SAS journal; Transferred to ISASS as of 2014</t>
  </si>
  <si>
    <t>https://www.sciencedirect.com/science/journal/22114599</t>
  </si>
  <si>
    <t>International Journal of Surgery</t>
  </si>
  <si>
    <t>1743-9191</t>
  </si>
  <si>
    <t>17439191</t>
  </si>
  <si>
    <t>05620</t>
  </si>
  <si>
    <t>Formerly known as The Journal of Surgery; Transferred back to the society as of 2023;</t>
  </si>
  <si>
    <t>https://www.sciencedirect.com/science/journal/17439191</t>
  </si>
  <si>
    <t>International Journal of Surgery Case Reports</t>
  </si>
  <si>
    <t>2210-2612</t>
  </si>
  <si>
    <t>22102612</t>
  </si>
  <si>
    <t>12885</t>
  </si>
  <si>
    <t>https://www.sciencedirect.com/science/journal/22102612</t>
  </si>
  <si>
    <t>International Journal of Surgery Open</t>
  </si>
  <si>
    <t>2405-8572</t>
  </si>
  <si>
    <t>24058572</t>
  </si>
  <si>
    <t>18209</t>
  </si>
  <si>
    <t>https://www.sciencedirect.com/science/journal/24058572</t>
  </si>
  <si>
    <t>International Journal of Surgery Protocols</t>
  </si>
  <si>
    <t>2468-3574</t>
  </si>
  <si>
    <t>24683574</t>
  </si>
  <si>
    <t>18885</t>
  </si>
  <si>
    <t>Transferred to Riaz Agha IJS Publishing Group as of 2021</t>
  </si>
  <si>
    <t>https://www.sciencedirect.com/science/journal/24683574</t>
  </si>
  <si>
    <t>International Journal of Sustainable Built Environment</t>
  </si>
  <si>
    <t>2212-6090</t>
  </si>
  <si>
    <t>22126090</t>
  </si>
  <si>
    <t>18001</t>
  </si>
  <si>
    <t>https://www.sciencedirect.com/science/journal/22126090</t>
  </si>
  <si>
    <t>International Journal of Thermofluids</t>
  </si>
  <si>
    <t>2666-2027</t>
  </si>
  <si>
    <t>26662027</t>
  </si>
  <si>
    <t>30251</t>
  </si>
  <si>
    <t>https://www.sciencedirect.com/science/journal/26662027</t>
  </si>
  <si>
    <t>International Journal of Transportation Science and Technology</t>
  </si>
  <si>
    <t>2046-0430</t>
  </si>
  <si>
    <t>20460430</t>
  </si>
  <si>
    <t>18363</t>
  </si>
  <si>
    <t>https://www.sciencedirect.com/science/journal/20460430</t>
  </si>
  <si>
    <t>International Journal of Veterinary Science and Medicine</t>
  </si>
  <si>
    <t>2314-4599</t>
  </si>
  <si>
    <t>23144599</t>
  </si>
  <si>
    <t>17013</t>
  </si>
  <si>
    <t>https://www.sciencedirect.com/science/journal/23144599</t>
  </si>
  <si>
    <t>International Journal of Women's Dermatology</t>
  </si>
  <si>
    <t>2352-6475</t>
  </si>
  <si>
    <t>23526475</t>
  </si>
  <si>
    <t>18764</t>
  </si>
  <si>
    <t>Transferred to Wolters Kluwer as of 2022</t>
  </si>
  <si>
    <t>https://www.sciencedirect.com/science/journal/23526475</t>
  </si>
  <si>
    <t>International Library Review</t>
  </si>
  <si>
    <t>0020-7837</t>
  </si>
  <si>
    <t>00207837</t>
  </si>
  <si>
    <t>Continued as The International Information &amp; Library Review</t>
  </si>
  <si>
    <t>https://www.sciencedirect.com/science/journal/00207837</t>
  </si>
  <si>
    <t>International Public Management Journal</t>
  </si>
  <si>
    <t>1096-7494</t>
  </si>
  <si>
    <t>10967494</t>
  </si>
  <si>
    <t>07414</t>
  </si>
  <si>
    <t>Transferred to International Public Management Network as of 2002</t>
  </si>
  <si>
    <t>https://www.sciencedirect.com/science/journal/10967494</t>
  </si>
  <si>
    <t>International Soil and Water Conservation Research</t>
  </si>
  <si>
    <t>2095-6339</t>
  </si>
  <si>
    <t>20956339</t>
  </si>
  <si>
    <t>18187</t>
  </si>
  <si>
    <t>https://www.sciencedirect.com/science/journal/20956339</t>
  </si>
  <si>
    <t>International Strategic Management Review</t>
  </si>
  <si>
    <t>2306-7748</t>
  </si>
  <si>
    <t>23067748</t>
  </si>
  <si>
    <t>17024</t>
  </si>
  <si>
    <t>https://www.sciencedirect.com/science/journal/23067748</t>
  </si>
  <si>
    <t>International Transactions in Operational Research</t>
  </si>
  <si>
    <t>0969-6016</t>
  </si>
  <si>
    <t>09696016</t>
  </si>
  <si>
    <t>00134</t>
  </si>
  <si>
    <t>https://www.sciencedirect.com/science/journal/09696016</t>
  </si>
  <si>
    <t>Internet Interventions</t>
  </si>
  <si>
    <t>2214-7829</t>
  </si>
  <si>
    <t>22147829</t>
  </si>
  <si>
    <t>18051</t>
  </si>
  <si>
    <t>https://www.sciencedirect.com/science/journal/22147829</t>
  </si>
  <si>
    <t>Internet of Things and Cyber-Physical Systems</t>
  </si>
  <si>
    <t>2667-3452</t>
  </si>
  <si>
    <t>26673452</t>
  </si>
  <si>
    <t>31174</t>
  </si>
  <si>
    <t>https://www.sciencedirect.com/science/journal/26673452</t>
  </si>
  <si>
    <t>Interventional Pain Medicine</t>
  </si>
  <si>
    <t>2772-5944</t>
  </si>
  <si>
    <t>27725944</t>
  </si>
  <si>
    <t>31278</t>
  </si>
  <si>
    <t>https://www.sciencedirect.com/science/journal/27725944</t>
  </si>
  <si>
    <t>Intestinal Failure</t>
  </si>
  <si>
    <t>2950-4562</t>
  </si>
  <si>
    <t>29504562</t>
  </si>
  <si>
    <t>31792</t>
  </si>
  <si>
    <t>https://www.sciencedirect.com/science/journal/29504562</t>
  </si>
  <si>
    <t>Invention Disclosure</t>
  </si>
  <si>
    <t>2772-4441</t>
  </si>
  <si>
    <t>27724441</t>
  </si>
  <si>
    <t>31249</t>
  </si>
  <si>
    <t>https://www.sciencedirect.com/science/journal/27724441</t>
  </si>
  <si>
    <t>Investigación Bibliotecológica: Archivonomía, Bibliotecología e Información</t>
  </si>
  <si>
    <t>0187-358X</t>
  </si>
  <si>
    <t>0187358X</t>
  </si>
  <si>
    <t>16360</t>
  </si>
  <si>
    <t>https://www.sciencedirect.com/science/journal/0187358X</t>
  </si>
  <si>
    <t>Investigación Económica</t>
  </si>
  <si>
    <t>0185-1667</t>
  </si>
  <si>
    <t>01851667</t>
  </si>
  <si>
    <t>16861</t>
  </si>
  <si>
    <t>https://www.sciencedirect.com/science/journal/01851667</t>
  </si>
  <si>
    <t>Investigación en Educación Médica</t>
  </si>
  <si>
    <t>2007-5057</t>
  </si>
  <si>
    <t>20075057</t>
  </si>
  <si>
    <t>14366</t>
  </si>
  <si>
    <t>https://www.sciencedirect.com/science/journal/20075057</t>
  </si>
  <si>
    <t>Investigaciones Geográficas, Boletín del Instituto de Geografía</t>
  </si>
  <si>
    <t>0188-4611</t>
  </si>
  <si>
    <t>01884611</t>
  </si>
  <si>
    <t>16358</t>
  </si>
  <si>
    <t>https://www.sciencedirect.com/science/journal/01884611</t>
  </si>
  <si>
    <t>Investigaciones de Historia Económica</t>
  </si>
  <si>
    <t>1698-6989</t>
  </si>
  <si>
    <t>16986989</t>
  </si>
  <si>
    <t>15958</t>
  </si>
  <si>
    <t>https://www.sciencedirect.com/science/journal/16986989</t>
  </si>
  <si>
    <t>iOptics</t>
  </si>
  <si>
    <t>3051-1771</t>
  </si>
  <si>
    <t>30511771</t>
  </si>
  <si>
    <t>32168</t>
  </si>
  <si>
    <t>https://www.sciencedirect.com/science/journal/30511771</t>
  </si>
  <si>
    <t>IPEM-Translation</t>
  </si>
  <si>
    <t>2667-2588</t>
  </si>
  <si>
    <t>26672588</t>
  </si>
  <si>
    <t>31150</t>
  </si>
  <si>
    <t>https://www.sciencedirect.com/science/journal/26672588</t>
  </si>
  <si>
    <t>iScience</t>
  </si>
  <si>
    <t>2589-0042</t>
  </si>
  <si>
    <t>25890042</t>
  </si>
  <si>
    <t>18921</t>
  </si>
  <si>
    <t>https://www.sciencedirect.com/science/journal/25890042</t>
  </si>
  <si>
    <t>ISPRS Open Journal of Photogrammetry and Remote Sensing</t>
  </si>
  <si>
    <t>2667-3932</t>
  </si>
  <si>
    <t>26673932</t>
  </si>
  <si>
    <t>31190</t>
  </si>
  <si>
    <t>https://www.sciencedirect.com/science/journal/26673932</t>
  </si>
  <si>
    <t>Issues in Education</t>
  </si>
  <si>
    <t>1080-9724</t>
  </si>
  <si>
    <t>10809724</t>
  </si>
  <si>
    <t>07417</t>
  </si>
  <si>
    <t>Transferred to Information Age Publishing as of 2001</t>
  </si>
  <si>
    <t>https://www.sciencedirect.com/science/journal/10809724</t>
  </si>
  <si>
    <t>Italian Journal of Agronomy</t>
  </si>
  <si>
    <t>1125-4718</t>
  </si>
  <si>
    <t>11254718</t>
  </si>
  <si>
    <t>31837</t>
  </si>
  <si>
    <t>https://www.sciencedirect.com/science/journal/11254718</t>
  </si>
  <si>
    <t>Italian Journal of Medicine</t>
  </si>
  <si>
    <t>1877-9344</t>
  </si>
  <si>
    <t>18779344</t>
  </si>
  <si>
    <t>15804</t>
  </si>
  <si>
    <t>Transferred to PAGEPress Publications as of 2013</t>
  </si>
  <si>
    <t>https://www.sciencedirect.com/science/journal/18779344</t>
  </si>
  <si>
    <t>JAACAP Open</t>
  </si>
  <si>
    <t>2949-7329</t>
  </si>
  <si>
    <t>29497329</t>
  </si>
  <si>
    <t>31499</t>
  </si>
  <si>
    <t>https://www.sciencedirect.com/science/journal/29497329</t>
  </si>
  <si>
    <t>JAAD Case Reports</t>
  </si>
  <si>
    <t>2352-5126</t>
  </si>
  <si>
    <t>23525126</t>
  </si>
  <si>
    <t>18752</t>
  </si>
  <si>
    <t>https://www.sciencedirect.com/science/journal/23525126</t>
  </si>
  <si>
    <t>JAAD International</t>
  </si>
  <si>
    <t>2666-3287</t>
  </si>
  <si>
    <t>26663287</t>
  </si>
  <si>
    <t>30296</t>
  </si>
  <si>
    <t>https://www.sciencedirect.com/science/journal/26663287</t>
  </si>
  <si>
    <t>JAAD Reviews</t>
  </si>
  <si>
    <t>2950-1989</t>
  </si>
  <si>
    <t>29501989</t>
  </si>
  <si>
    <t>31660</t>
  </si>
  <si>
    <t>https://www.sciencedirect.com/science/journal/29501989</t>
  </si>
  <si>
    <t>JACC: Advances</t>
  </si>
  <si>
    <t>2772-963X</t>
  </si>
  <si>
    <t>2772963X</t>
  </si>
  <si>
    <t>31395</t>
  </si>
  <si>
    <t>https://www.sciencedirect.com/science/journal/2772963X</t>
  </si>
  <si>
    <t>JACC: Asia</t>
  </si>
  <si>
    <t>2772-3747</t>
  </si>
  <si>
    <t>27723747</t>
  </si>
  <si>
    <t>31162</t>
  </si>
  <si>
    <t>https://www.sciencedirect.com/science/journal/27723747</t>
  </si>
  <si>
    <t>JACC: Basic to Translational Science</t>
  </si>
  <si>
    <t>2452-302X</t>
  </si>
  <si>
    <t>2452302X</t>
  </si>
  <si>
    <t>18882</t>
  </si>
  <si>
    <t>https://www.sciencedirect.com/science/journal/2452302X</t>
  </si>
  <si>
    <t>JACC: CardioOncology</t>
  </si>
  <si>
    <t>2666-0873</t>
  </si>
  <si>
    <t>26660873</t>
  </si>
  <si>
    <t>30185</t>
  </si>
  <si>
    <t>https://www.sciencedirect.com/science/journal/26660873</t>
  </si>
  <si>
    <t>JACC: Case Reports</t>
  </si>
  <si>
    <t>2666-0849</t>
  </si>
  <si>
    <t>26660849</t>
  </si>
  <si>
    <t>30183</t>
  </si>
  <si>
    <t>https://www.sciencedirect.com/science/journal/26660849</t>
  </si>
  <si>
    <t>JACEP Open</t>
  </si>
  <si>
    <t>2688-1152</t>
  </si>
  <si>
    <t>26881152</t>
  </si>
  <si>
    <t>31813</t>
  </si>
  <si>
    <t>https://www.sciencedirect.com/science/journal/26881152</t>
  </si>
  <si>
    <t>JAND Global Reports</t>
  </si>
  <si>
    <t>3050-7189</t>
  </si>
  <si>
    <t>30507189</t>
  </si>
  <si>
    <t>32089</t>
  </si>
  <si>
    <t>https://www.sciencedirect.com/science/journal/30507189</t>
  </si>
  <si>
    <t>Japanese Dental Science Review</t>
  </si>
  <si>
    <t>1882-7616</t>
  </si>
  <si>
    <t>18827616</t>
  </si>
  <si>
    <t>12765</t>
  </si>
  <si>
    <t>https://www.sciencedirect.com/science/journal/18827616</t>
  </si>
  <si>
    <t>Japanese Journal of Ophthalmology</t>
  </si>
  <si>
    <t>0021-5155</t>
  </si>
  <si>
    <t>00215155</t>
  </si>
  <si>
    <t>07003</t>
  </si>
  <si>
    <t>Transferred to Springer Verlag as of 2004</t>
  </si>
  <si>
    <t>https://www.sciencedirect.com/science/journal/00215155</t>
  </si>
  <si>
    <t>JAPhA Pharmacotherapy</t>
  </si>
  <si>
    <t>2949-9623</t>
  </si>
  <si>
    <t>29499623</t>
  </si>
  <si>
    <t>31625</t>
  </si>
  <si>
    <t>https://www.sciencedirect.com/science/journal/29499623</t>
  </si>
  <si>
    <t>JAPhA Practice Innovations</t>
  </si>
  <si>
    <t>2949-9690</t>
  </si>
  <si>
    <t>29499690</t>
  </si>
  <si>
    <t>31624</t>
  </si>
  <si>
    <t>https://www.sciencedirect.com/science/journal/29499690</t>
  </si>
  <si>
    <t>JCC Open</t>
  </si>
  <si>
    <t>2212-0149</t>
  </si>
  <si>
    <t>22120149</t>
  </si>
  <si>
    <t>15893</t>
  </si>
  <si>
    <t>https://www.sciencedirect.com/science/journal/22120149</t>
  </si>
  <si>
    <t>JCIS Open</t>
  </si>
  <si>
    <t>2666-934X</t>
  </si>
  <si>
    <t>2666934X</t>
  </si>
  <si>
    <t>31010</t>
  </si>
  <si>
    <t>https://www.sciencedirect.com/science/journal/2666934X</t>
  </si>
  <si>
    <t>JCRS Online Case Reports</t>
  </si>
  <si>
    <t>2214-1677</t>
  </si>
  <si>
    <t>22141677</t>
  </si>
  <si>
    <t>14152</t>
  </si>
  <si>
    <t>Transferred to Wolters Kluwer as of 2020</t>
  </si>
  <si>
    <t>https://www.sciencedirect.com/science/journal/22141677</t>
  </si>
  <si>
    <t>JDS Communications</t>
  </si>
  <si>
    <t>2666-9102</t>
  </si>
  <si>
    <t>26669102</t>
  </si>
  <si>
    <t>31018</t>
  </si>
  <si>
    <t>https://www.sciencedirect.com/science/journal/26669102</t>
  </si>
  <si>
    <t>JEM Reports</t>
  </si>
  <si>
    <t>2773-2320</t>
  </si>
  <si>
    <t>27732320</t>
  </si>
  <si>
    <t>31459</t>
  </si>
  <si>
    <t>https://www.sciencedirect.com/science/journal/27732320</t>
  </si>
  <si>
    <t>JFO Open Ophthalmology</t>
  </si>
  <si>
    <t>2949-8899</t>
  </si>
  <si>
    <t>29498899</t>
  </si>
  <si>
    <t>31578</t>
  </si>
  <si>
    <t>https://www.sciencedirect.com/science/journal/29498899</t>
  </si>
  <si>
    <t>JHEP Reports</t>
  </si>
  <si>
    <t>2589-5559</t>
  </si>
  <si>
    <t>25895559</t>
  </si>
  <si>
    <t>18452</t>
  </si>
  <si>
    <t>https://www.sciencedirect.com/science/journal/25895559</t>
  </si>
  <si>
    <t>JHLT Open</t>
  </si>
  <si>
    <t>2950-1334</t>
  </si>
  <si>
    <t>29501334</t>
  </si>
  <si>
    <t>31637</t>
  </si>
  <si>
    <t>https://www.sciencedirect.com/science/journal/29501334</t>
  </si>
  <si>
    <t>JID Innovations</t>
  </si>
  <si>
    <t>2667-0267</t>
  </si>
  <si>
    <t>26670267</t>
  </si>
  <si>
    <t>31081</t>
  </si>
  <si>
    <t>https://www.sciencedirect.com/science/journal/26670267</t>
  </si>
  <si>
    <t>Jornal de Pediatria</t>
  </si>
  <si>
    <t>0021-7557</t>
  </si>
  <si>
    <t>00217557</t>
  </si>
  <si>
    <t>15988</t>
  </si>
  <si>
    <t>https://www.sciencedirect.com/science/journal/00217557</t>
  </si>
  <si>
    <t>Jornal de Pediatria (Versão em Português)</t>
  </si>
  <si>
    <t>2255-5536</t>
  </si>
  <si>
    <t>22555536</t>
  </si>
  <si>
    <t>15989</t>
  </si>
  <si>
    <t>Transferred to Cristine Henderson Sociedade Brasileira de Pediatria as of 2021</t>
  </si>
  <si>
    <t>https://www.sciencedirect.com/science/journal/22555536</t>
  </si>
  <si>
    <t>JOS Case Reports</t>
  </si>
  <si>
    <t>2772-9648</t>
  </si>
  <si>
    <t>27729648</t>
  </si>
  <si>
    <t>31374</t>
  </si>
  <si>
    <t>https://www.sciencedirect.com/science/journal/27729648</t>
  </si>
  <si>
    <t>Journal of Economy and Technology</t>
  </si>
  <si>
    <t>2949-9488</t>
  </si>
  <si>
    <t>29499488</t>
  </si>
  <si>
    <t>31619</t>
  </si>
  <si>
    <t>https://www.sciencedirect.com/science/journal/29499488</t>
  </si>
  <si>
    <t>Journal of Accounting Literature</t>
  </si>
  <si>
    <t>0737-4607</t>
  </si>
  <si>
    <t>07374607</t>
  </si>
  <si>
    <t>10174</t>
  </si>
  <si>
    <t>https://www.sciencedirect.com/science/journal/07374607</t>
  </si>
  <si>
    <t>Journal of Acupuncture and Meridian Studies</t>
  </si>
  <si>
    <t>2005-2901</t>
  </si>
  <si>
    <t>20052901</t>
  </si>
  <si>
    <t>08673</t>
  </si>
  <si>
    <t>Transferred to "Ms Seoyoon Kim Medical Association" as of 2021</t>
  </si>
  <si>
    <t>https://www.sciencedirect.com/science/journal/20052901</t>
  </si>
  <si>
    <t>Journal of Acute Disease</t>
  </si>
  <si>
    <t>2221-6189</t>
  </si>
  <si>
    <t>22216189</t>
  </si>
  <si>
    <t>10177</t>
  </si>
  <si>
    <t>https://www.sciencedirect.com/science/journal/22216189</t>
  </si>
  <si>
    <t>Journal of Acute Medicine</t>
  </si>
  <si>
    <t>2211-5587</t>
  </si>
  <si>
    <t>22115587</t>
  </si>
  <si>
    <t>10085</t>
  </si>
  <si>
    <t>https://www.sciencedirect.com/science/journal/22115587</t>
  </si>
  <si>
    <t>Journal of Adolescence</t>
  </si>
  <si>
    <t>0140-1971</t>
  </si>
  <si>
    <t>01401971</t>
  </si>
  <si>
    <t>12628</t>
  </si>
  <si>
    <t>Transferred to Rebecca Harkin Wiley as of 2022</t>
  </si>
  <si>
    <t>https://www.sciencedirect.com/science/journal/01401971</t>
  </si>
  <si>
    <t>Journal of Advanced Joining Processes</t>
  </si>
  <si>
    <t>2666-3309</t>
  </si>
  <si>
    <t>26663309</t>
  </si>
  <si>
    <t>30294</t>
  </si>
  <si>
    <t>https://www.sciencedirect.com/science/journal/26663309</t>
  </si>
  <si>
    <t>Journal of Advanced Research</t>
  </si>
  <si>
    <t>2090-1232</t>
  </si>
  <si>
    <t>20901232</t>
  </si>
  <si>
    <t>08708</t>
  </si>
  <si>
    <t>https://www.sciencedirect.com/science/journal/20901232</t>
  </si>
  <si>
    <t>Journal of Affective Disorders Reports</t>
  </si>
  <si>
    <t>2666-9153</t>
  </si>
  <si>
    <t>26669153</t>
  </si>
  <si>
    <t>31022</t>
  </si>
  <si>
    <t>https://www.sciencedirect.com/science/journal/26669153</t>
  </si>
  <si>
    <t>Journal of African Trade</t>
  </si>
  <si>
    <t>2214-8515</t>
  </si>
  <si>
    <t>22148515</t>
  </si>
  <si>
    <t>17074</t>
  </si>
  <si>
    <t>Transferred to Atlantis Press as of 2019</t>
  </si>
  <si>
    <t>https://www.sciencedirect.com/science/journal/22148515</t>
  </si>
  <si>
    <t>The Journal of Aging Research &amp; Lifestyle</t>
  </si>
  <si>
    <t>2534-773X</t>
  </si>
  <si>
    <t>2534773X</t>
  </si>
  <si>
    <t>32023</t>
  </si>
  <si>
    <t>https://www.sciencedirect.com/science/journal/2534773X</t>
  </si>
  <si>
    <t>Journal of Agriculture and Food Research</t>
  </si>
  <si>
    <t>2666-1543</t>
  </si>
  <si>
    <t>26661543</t>
  </si>
  <si>
    <t>30233</t>
  </si>
  <si>
    <t>https://www.sciencedirect.com/science/journal/26661543</t>
  </si>
  <si>
    <t>Journal of Alloys and Metallurgical Systems</t>
  </si>
  <si>
    <t>2949-9178</t>
  </si>
  <si>
    <t>29499178</t>
  </si>
  <si>
    <t>31601</t>
  </si>
  <si>
    <t>https://www.sciencedirect.com/science/journal/29499178</t>
  </si>
  <si>
    <t>Journal of the American College of Surgeons</t>
  </si>
  <si>
    <t>1072-7515</t>
  </si>
  <si>
    <t>10727515</t>
  </si>
  <si>
    <t>07682</t>
  </si>
  <si>
    <t>https://www.sciencedirect.com/science/journal/10727515</t>
  </si>
  <si>
    <t>Journal of the American Medical Informatics Association</t>
  </si>
  <si>
    <t>1067-5027</t>
  </si>
  <si>
    <t>10675027</t>
  </si>
  <si>
    <t>14014</t>
  </si>
  <si>
    <t>Transferred to the BMJ Publishing Group as of 2010</t>
  </si>
  <si>
    <t>https://www.sciencedirect.com/science/journal/10675027</t>
  </si>
  <si>
    <t>Journal of the American Psychiatric Nurses Association</t>
  </si>
  <si>
    <t>1078-3903</t>
  </si>
  <si>
    <t>10783903</t>
  </si>
  <si>
    <t>13177</t>
  </si>
  <si>
    <t>Transferred to Sage Publications as of 2004</t>
  </si>
  <si>
    <t>https://www.sciencedirect.com/science/journal/10783903</t>
  </si>
  <si>
    <t>Journal of the American Society for Mass Spectrometry</t>
  </si>
  <si>
    <t>1044-0305</t>
  </si>
  <si>
    <t>10440305</t>
  </si>
  <si>
    <t>07722</t>
  </si>
  <si>
    <t>Transferred to Springer as of 2011</t>
  </si>
  <si>
    <t>https://www.sciencedirect.com/science/journal/10440305</t>
  </si>
  <si>
    <t>Journal of the Anatomical Society of India</t>
  </si>
  <si>
    <t>0003-2778</t>
  </si>
  <si>
    <t>00032778</t>
  </si>
  <si>
    <t>08832</t>
  </si>
  <si>
    <t>Transferred to Wolters Kluwer-MedKnow as of 2019</t>
  </si>
  <si>
    <t>https://www.sciencedirect.com/science/journal/00032778</t>
  </si>
  <si>
    <t>Journal of Applied Biomedicine</t>
  </si>
  <si>
    <t>1214-021X</t>
  </si>
  <si>
    <t>1214021X</t>
  </si>
  <si>
    <t>11014</t>
  </si>
  <si>
    <t>https://www.sciencedirect.com/science/journal/1214021X</t>
  </si>
  <si>
    <t>Journal of Applied Economics</t>
  </si>
  <si>
    <t>1514-0326</t>
  </si>
  <si>
    <t>15140326</t>
  </si>
  <si>
    <t>08702</t>
  </si>
  <si>
    <t>https://www.sciencedirect.com/science/journal/15140326</t>
  </si>
  <si>
    <t>Journal of Applied Poultry Research</t>
  </si>
  <si>
    <t>1056-6171</t>
  </si>
  <si>
    <t>10566171</t>
  </si>
  <si>
    <t>30283</t>
  </si>
  <si>
    <t>https://www.sciencedirect.com/science/journal/10566171</t>
  </si>
  <si>
    <t>Journal of Applied Research on Medicinal and Aromatic Plants</t>
  </si>
  <si>
    <t>2214-7861</t>
  </si>
  <si>
    <t>22147861</t>
  </si>
  <si>
    <t>10514</t>
  </si>
  <si>
    <t>https://www.sciencedirect.com/science/journal/22147861</t>
  </si>
  <si>
    <t>Journal of Applied Research in Memory and Cognition</t>
  </si>
  <si>
    <t>2211-3681</t>
  </si>
  <si>
    <t>22113681</t>
  </si>
  <si>
    <t>14077</t>
  </si>
  <si>
    <t>Transferred to American Psychological Association as of 2022</t>
  </si>
  <si>
    <t>https://www.sciencedirect.com/science/journal/22113681</t>
  </si>
  <si>
    <t>Journal of Applied Research and Technology</t>
  </si>
  <si>
    <t>1665-6423</t>
  </si>
  <si>
    <t>16656423</t>
  </si>
  <si>
    <t>16862</t>
  </si>
  <si>
    <t>https://www.sciencedirect.com/science/journal/16656423</t>
  </si>
  <si>
    <t>Journal of Arrhythmia</t>
  </si>
  <si>
    <t>1880-4276</t>
  </si>
  <si>
    <t>18804276</t>
  </si>
  <si>
    <t>10115</t>
  </si>
  <si>
    <t>https://www.sciencedirect.com/science/journal/18804276</t>
  </si>
  <si>
    <t>Journal of Arthroscopy and Joint Surgery</t>
  </si>
  <si>
    <t>2214-9635</t>
  </si>
  <si>
    <t>22149635</t>
  </si>
  <si>
    <t>17046</t>
  </si>
  <si>
    <t>https://www.sciencedirect.com/science/journal/22149635</t>
  </si>
  <si>
    <t>Journal of Asia-Pacific Biodiversity</t>
  </si>
  <si>
    <t>2287-884X</t>
  </si>
  <si>
    <t>2287884X</t>
  </si>
  <si>
    <t>17742</t>
  </si>
  <si>
    <t>Formerly known as Journal of Korean Nature</t>
  </si>
  <si>
    <t>https://www.sciencedirect.com/science/journal/2287884X</t>
  </si>
  <si>
    <t>Journal of Asian Ceramic Societies</t>
  </si>
  <si>
    <t>2187-0764</t>
  </si>
  <si>
    <t>21870764</t>
  </si>
  <si>
    <t>10166</t>
  </si>
  <si>
    <t>https://www.sciencedirect.com/science/journal/21870764</t>
  </si>
  <si>
    <t>Journal of Asian Earth Sciences: X</t>
  </si>
  <si>
    <t>2590-0560</t>
  </si>
  <si>
    <t>25900560</t>
  </si>
  <si>
    <t>18450</t>
  </si>
  <si>
    <t>https://www.sciencedirect.com/science/journal/25900560</t>
  </si>
  <si>
    <t>Journal of the Association of Arab Universities for Basic and Applied Sciences</t>
  </si>
  <si>
    <t>1815-3852</t>
  </si>
  <si>
    <t>18153852</t>
  </si>
  <si>
    <t>08756</t>
  </si>
  <si>
    <t>https://www.sciencedirect.com/science/journal/18153852</t>
  </si>
  <si>
    <t>Journal of the Association of Nurses in AIDS Care</t>
  </si>
  <si>
    <t>1055-3290</t>
  </si>
  <si>
    <t>10553290</t>
  </si>
  <si>
    <t>13379</t>
  </si>
  <si>
    <t>https://www.sciencedirect.com/science/journal/10553290</t>
  </si>
  <si>
    <t>Journal of the Association for Vascular Access</t>
  </si>
  <si>
    <t>1552-8855</t>
  </si>
  <si>
    <t>15528855</t>
  </si>
  <si>
    <t>07833</t>
  </si>
  <si>
    <t>Formerly known as Journal Vascular Access Devices; Transferred back to the society as of 2019</t>
  </si>
  <si>
    <t>https://www.sciencedirect.com/science/journal/15528855</t>
  </si>
  <si>
    <t>Journal of Automation and Intelligence</t>
  </si>
  <si>
    <t>2949-8554</t>
  </si>
  <si>
    <t>29498554</t>
  </si>
  <si>
    <t>31565</t>
  </si>
  <si>
    <t>https://www.sciencedirect.com/science/journal/29498554</t>
  </si>
  <si>
    <t>Journal of Ayurveda and Integrative Medicine</t>
  </si>
  <si>
    <t>0975-9476</t>
  </si>
  <si>
    <t>09759476</t>
  </si>
  <si>
    <t>18352</t>
  </si>
  <si>
    <t>https://www.sciencedirect.com/science/journal/09759476</t>
  </si>
  <si>
    <t>The Journal of Basic &amp; Applied Zoology</t>
  </si>
  <si>
    <t>2090-9896</t>
  </si>
  <si>
    <t>20909896</t>
  </si>
  <si>
    <t>10143</t>
  </si>
  <si>
    <t>https://www.sciencedirect.com/science/journal/20909896</t>
  </si>
  <si>
    <t>Journal of Behavior, Health &amp; Social Issues</t>
  </si>
  <si>
    <t>2007-0780</t>
  </si>
  <si>
    <t>20070780</t>
  </si>
  <si>
    <t>16867</t>
  </si>
  <si>
    <t>https://www.sciencedirect.com/science/journal/20070780</t>
  </si>
  <si>
    <t>Journal of Biological Chemistry</t>
  </si>
  <si>
    <t>0021-9258</t>
  </si>
  <si>
    <t>00219258</t>
  </si>
  <si>
    <t>31047</t>
  </si>
  <si>
    <t>https://www.sciencedirect.com/science/journal/00219258</t>
  </si>
  <si>
    <t>Journal of Biomedical Research</t>
  </si>
  <si>
    <t>1674-8301</t>
  </si>
  <si>
    <t>16748301</t>
  </si>
  <si>
    <t>08617</t>
  </si>
  <si>
    <t>Formerly known as Journal of Nanjing Medical University; Transferred back to the society as of 2013</t>
  </si>
  <si>
    <t>https://www.sciencedirect.com/science/journal/16748301</t>
  </si>
  <si>
    <t>Journal of Bionic Engineering</t>
  </si>
  <si>
    <t>1672-6529</t>
  </si>
  <si>
    <t>16726529</t>
  </si>
  <si>
    <t>04289</t>
  </si>
  <si>
    <t>https://www.sciencedirect.com/science/journal/16726529</t>
  </si>
  <si>
    <t>Journal of Bioresources and Bioproducts</t>
  </si>
  <si>
    <t>2369-9698</t>
  </si>
  <si>
    <t>23699698</t>
  </si>
  <si>
    <t>30419</t>
  </si>
  <si>
    <t>https://www.sciencedirect.com/science/journal/23699698</t>
  </si>
  <si>
    <t>Journal of Biosafety and Biosecurity</t>
  </si>
  <si>
    <t>2588-9338</t>
  </si>
  <si>
    <t>25889338</t>
  </si>
  <si>
    <t>18424</t>
  </si>
  <si>
    <t>https://www.sciencedirect.com/science/journal/25889338</t>
  </si>
  <si>
    <t>Journal of Bone Oncology</t>
  </si>
  <si>
    <t>2212-1374</t>
  </si>
  <si>
    <t>22121374</t>
  </si>
  <si>
    <t>10500</t>
  </si>
  <si>
    <t>https://www.sciencedirect.com/science/journal/22121374</t>
  </si>
  <si>
    <t>Journal of Cancer Research and Practice</t>
  </si>
  <si>
    <t>2311-3006</t>
  </si>
  <si>
    <t>23113006</t>
  </si>
  <si>
    <t>18280</t>
  </si>
  <si>
    <t>https://www.sciencedirect.com/science/journal/23113006</t>
  </si>
  <si>
    <t>Journal of Cardiovascular Disease Research</t>
  </si>
  <si>
    <t>0975-3583</t>
  </si>
  <si>
    <t>09753583</t>
  </si>
  <si>
    <t>08824</t>
  </si>
  <si>
    <t>https://www.sciencedirect.com/science/journal/09753583</t>
  </si>
  <si>
    <t>Journal of Cardiovascular Echography</t>
  </si>
  <si>
    <t>2211-4122</t>
  </si>
  <si>
    <t>22114122</t>
  </si>
  <si>
    <t>15810</t>
  </si>
  <si>
    <t>https://www.sciencedirect.com/science/journal/22114122</t>
  </si>
  <si>
    <t>Journal of Cartilage &amp; Joint Preservation</t>
  </si>
  <si>
    <t>2667-2545</t>
  </si>
  <si>
    <t>26672545</t>
  </si>
  <si>
    <t>31137</t>
  </si>
  <si>
    <t>https://www.sciencedirect.com/science/journal/26672545</t>
  </si>
  <si>
    <t>Journal of Cataract &amp; Refractive Surgery</t>
  </si>
  <si>
    <t>0886-3350</t>
  </si>
  <si>
    <t>08863350</t>
  </si>
  <si>
    <t>07694</t>
  </si>
  <si>
    <t>Formerly known as American Intra-Ocular Implant Society Journal; incorporating European Journal of Implant and Refractive Surgery; Transferred to Wolters Kluwer as of 2020</t>
  </si>
  <si>
    <t>https://www.sciencedirect.com/science/journal/08863350</t>
  </si>
  <si>
    <t>Journal of Cellular Immunotherapy</t>
  </si>
  <si>
    <t>2352-1775</t>
  </si>
  <si>
    <t>23521775</t>
  </si>
  <si>
    <t>17738</t>
  </si>
  <si>
    <t>https://www.sciencedirect.com/science/journal/23521775</t>
  </si>
  <si>
    <t>Journal of Chemical Health and Safety</t>
  </si>
  <si>
    <t>1871-5532</t>
  </si>
  <si>
    <t>18715532</t>
  </si>
  <si>
    <t>07649</t>
  </si>
  <si>
    <t>Formerly known as Chemical Health and Safety; Transferred back to the society as of 2020</t>
  </si>
  <si>
    <t>https://www.sciencedirect.com/science/journal/18715532</t>
  </si>
  <si>
    <t>The Journal of China Universities of Posts and Telecommunications</t>
  </si>
  <si>
    <t>1005-8885</t>
  </si>
  <si>
    <t>10058885</t>
  </si>
  <si>
    <t>08598</t>
  </si>
  <si>
    <t>https://www.sciencedirect.com/science/journal/10058885</t>
  </si>
  <si>
    <t>Journal of China University of Geosciences</t>
  </si>
  <si>
    <t>1002-0705</t>
  </si>
  <si>
    <t>10020705</t>
  </si>
  <si>
    <t>08580</t>
  </si>
  <si>
    <t>Transferred to Springer Verlag as of 2009</t>
  </si>
  <si>
    <t>https://www.sciencedirect.com/science/journal/10020705</t>
  </si>
  <si>
    <t>Journal of the Chinese Medical Association</t>
  </si>
  <si>
    <t>1726-4901</t>
  </si>
  <si>
    <t>17264901</t>
  </si>
  <si>
    <t>08590</t>
  </si>
  <si>
    <t>https://www.sciencedirect.com/science/journal/17264901</t>
  </si>
  <si>
    <t>Journal of Chromatography Open</t>
  </si>
  <si>
    <t>2772-3917</t>
  </si>
  <si>
    <t>27723917</t>
  </si>
  <si>
    <t>31223</t>
  </si>
  <si>
    <t>https://www.sciencedirect.com/science/journal/27723917</t>
  </si>
  <si>
    <t>The Journal of Climate Change and Health</t>
  </si>
  <si>
    <t>2667-2782</t>
  </si>
  <si>
    <t>26672782</t>
  </si>
  <si>
    <t>31155</t>
  </si>
  <si>
    <t>https://www.sciencedirect.com/science/journal/26672782</t>
  </si>
  <si>
    <t>Journal of Clinical Gerontology and Geriatrics</t>
  </si>
  <si>
    <t>2210-8335</t>
  </si>
  <si>
    <t>22108335</t>
  </si>
  <si>
    <t>08741</t>
  </si>
  <si>
    <t>Transferred to Content Ed Net Taiwan Ltd as of 2017</t>
  </si>
  <si>
    <t>https://www.sciencedirect.com/science/journal/22108335</t>
  </si>
  <si>
    <t>Journal of Clinical &amp; Translational Endocrinology</t>
  </si>
  <si>
    <t>2214-6237</t>
  </si>
  <si>
    <t>22146237</t>
  </si>
  <si>
    <t>13468</t>
  </si>
  <si>
    <t>https://www.sciencedirect.com/science/journal/22146237</t>
  </si>
  <si>
    <t>Journal of Clinical and Translational Endocrinology: Case Reports</t>
  </si>
  <si>
    <t>2214-6245</t>
  </si>
  <si>
    <t>22146245</t>
  </si>
  <si>
    <t>18744</t>
  </si>
  <si>
    <t>https://www.sciencedirect.com/science/journal/22146245</t>
  </si>
  <si>
    <t>Journal of Clinical Tuberculosis and Other Mycobacterial Diseases</t>
  </si>
  <si>
    <t>2405-5794</t>
  </si>
  <si>
    <t>24055794</t>
  </si>
  <si>
    <t>18180</t>
  </si>
  <si>
    <t>https://www.sciencedirect.com/science/journal/24055794</t>
  </si>
  <si>
    <t>Journal of Clinical Virology Plus</t>
  </si>
  <si>
    <t>2667-0380</t>
  </si>
  <si>
    <t>26670380</t>
  </si>
  <si>
    <t>31080</t>
  </si>
  <si>
    <t>https://www.sciencedirect.com/science/journal/26670380</t>
  </si>
  <si>
    <t>Journal of Coloproctology</t>
  </si>
  <si>
    <t>2237-9363</t>
  </si>
  <si>
    <t>22379363</t>
  </si>
  <si>
    <t>15990</t>
  </si>
  <si>
    <t>Transferred to Henrique Fillmann Sociedade as of 2021</t>
  </si>
  <si>
    <t>https://www.sciencedirect.com/science/journal/22379363</t>
  </si>
  <si>
    <t>Journal of Computational Design and Engineering</t>
  </si>
  <si>
    <t>2288-4300</t>
  </si>
  <si>
    <t>22884300</t>
  </si>
  <si>
    <t>18134</t>
  </si>
  <si>
    <t>https://www.sciencedirect.com/science/journal/22884300</t>
  </si>
  <si>
    <t>Journal of Computational Mathematics and Data Science</t>
  </si>
  <si>
    <t>2772-4158</t>
  </si>
  <si>
    <t>27724158</t>
  </si>
  <si>
    <t>31234</t>
  </si>
  <si>
    <t>https://www.sciencedirect.com/science/journal/27724158</t>
  </si>
  <si>
    <t>Journal of Computational Physics: X</t>
  </si>
  <si>
    <t>2590-0552</t>
  </si>
  <si>
    <t>25900552</t>
  </si>
  <si>
    <t>18941</t>
  </si>
  <si>
    <t>https://www.sciencedirect.com/science/journal/25900552</t>
  </si>
  <si>
    <t>Journal of Consumer Psychology</t>
  </si>
  <si>
    <t>1057-7408</t>
  </si>
  <si>
    <t>10577408</t>
  </si>
  <si>
    <t>07814</t>
  </si>
  <si>
    <t>https://www.sciencedirect.com/science/journal/10577408</t>
  </si>
  <si>
    <t>Journal of Creativity</t>
  </si>
  <si>
    <t>2713-3745</t>
  </si>
  <si>
    <t>27133745</t>
  </si>
  <si>
    <t>31335</t>
  </si>
  <si>
    <t>https://www.sciencedirect.com/science/journal/27133745</t>
  </si>
  <si>
    <t>Journal of Crohn’s and Colitis</t>
  </si>
  <si>
    <t>1873-9946</t>
  </si>
  <si>
    <t>18739946</t>
  </si>
  <si>
    <t>08621</t>
  </si>
  <si>
    <t>Transferred to Oxford University Press as of 2015</t>
  </si>
  <si>
    <t>https://www.sciencedirect.com/science/journal/18739946</t>
  </si>
  <si>
    <t>Journal of Crohn’s and Colitis Supplements</t>
  </si>
  <si>
    <t>1873-9954</t>
  </si>
  <si>
    <t>18739954</t>
  </si>
  <si>
    <t>08622</t>
  </si>
  <si>
    <t>https://www.sciencedirect.com/science/journal/18739954</t>
  </si>
  <si>
    <t>Journal of Current Ophthalmology</t>
  </si>
  <si>
    <t>2452-2325</t>
  </si>
  <si>
    <t>24522325</t>
  </si>
  <si>
    <t>18218</t>
  </si>
  <si>
    <t>https://www.sciencedirect.com/science/journal/24522325</t>
  </si>
  <si>
    <t>Journal of Cycling and Micromobility Research</t>
  </si>
  <si>
    <t>2950-1059</t>
  </si>
  <si>
    <t>29501059</t>
  </si>
  <si>
    <t>31633</t>
  </si>
  <si>
    <t>https://www.sciencedirect.com/science/journal/29501059</t>
  </si>
  <si>
    <t>Journal of Dentistry: X</t>
  </si>
  <si>
    <t>2589-7004</t>
  </si>
  <si>
    <t>25897004</t>
  </si>
  <si>
    <t>18462</t>
  </si>
  <si>
    <t>https://www.sciencedirect.com/science/journal/25897004</t>
  </si>
  <si>
    <t>Journal of Dermatologic Science and Cosmetic Technology</t>
  </si>
  <si>
    <t>2950-306X</t>
  </si>
  <si>
    <t>2950306X</t>
  </si>
  <si>
    <t>31721</t>
  </si>
  <si>
    <t>https://www.sciencedirect.com/science/journal/2950306X</t>
  </si>
  <si>
    <t>Journal of Dermatology &amp; Dermatologic Surgery</t>
  </si>
  <si>
    <t>2352-2410</t>
  </si>
  <si>
    <t>23522410</t>
  </si>
  <si>
    <t>08734</t>
  </si>
  <si>
    <t>Formerly known as Journal of the Saudi Society of Dermatology &amp; Dermatologic Surgery; Transferred back to the society as of 2018</t>
  </si>
  <si>
    <t>https://www.sciencedirect.com/science/journal/23522410</t>
  </si>
  <si>
    <t>Journal of Digital Economy</t>
  </si>
  <si>
    <t>2773-0670</t>
  </si>
  <si>
    <t>27730670</t>
  </si>
  <si>
    <t>31424</t>
  </si>
  <si>
    <t>https://www.sciencedirect.com/science/journal/27730670</t>
  </si>
  <si>
    <t>Journal of Dynamic Disasters</t>
  </si>
  <si>
    <t>2950-5763</t>
  </si>
  <si>
    <t>29505763</t>
  </si>
  <si>
    <t>31828</t>
  </si>
  <si>
    <t>https://www.sciencedirect.com/science/journal/29505763</t>
  </si>
  <si>
    <t>Journal of Economic Criminology</t>
  </si>
  <si>
    <t>2949-7914</t>
  </si>
  <si>
    <t>29497914</t>
  </si>
  <si>
    <t>31535</t>
  </si>
  <si>
    <t>https://www.sciencedirect.com/science/journal/29497914</t>
  </si>
  <si>
    <t>Journal of Economics, Finance and Administrative Science</t>
  </si>
  <si>
    <t>2077-1886</t>
  </si>
  <si>
    <t>20771886</t>
  </si>
  <si>
    <t>15992</t>
  </si>
  <si>
    <t>https://www.sciencedirect.com/science/journal/20771886</t>
  </si>
  <si>
    <t>Journal of the Egyptian Mathematical Society</t>
  </si>
  <si>
    <t>1110-256X</t>
  </si>
  <si>
    <t>1110256X</t>
  </si>
  <si>
    <t>08789</t>
  </si>
  <si>
    <t>https://www.sciencedirect.com/science/journal/1110256X</t>
  </si>
  <si>
    <t>Journal of the Egyptian National Cancer Institute</t>
  </si>
  <si>
    <t>1110-0362</t>
  </si>
  <si>
    <t>11100362</t>
  </si>
  <si>
    <t>08783</t>
  </si>
  <si>
    <t>https://www.sciencedirect.com/science/journal/11100362</t>
  </si>
  <si>
    <t>Journal of the Egyptian Society of Cardio-Thoracic Surgery</t>
  </si>
  <si>
    <t>1110-578X</t>
  </si>
  <si>
    <t>1110578X</t>
  </si>
  <si>
    <t>18332</t>
  </si>
  <si>
    <t>https://www.sciencedirect.com/science/journal/1110578X</t>
  </si>
  <si>
    <t>Journal of Electrical Systems and Information Technology</t>
  </si>
  <si>
    <t>2314-7172</t>
  </si>
  <si>
    <t>23147172</t>
  </si>
  <si>
    <t>17048</t>
  </si>
  <si>
    <t>https://www.sciencedirect.com/science/journal/23147172</t>
  </si>
  <si>
    <t>Journal of Electronic Science and Technology</t>
  </si>
  <si>
    <t>1674-862X</t>
  </si>
  <si>
    <t>1674862X</t>
  </si>
  <si>
    <t>30250</t>
  </si>
  <si>
    <t>https://www.sciencedirect.com/science/journal/1674862X</t>
  </si>
  <si>
    <t>Journal of Endometriosis and Uterine Disorders</t>
  </si>
  <si>
    <t>2949-8384</t>
  </si>
  <si>
    <t>29498384</t>
  </si>
  <si>
    <t>31552</t>
  </si>
  <si>
    <t>https://www.sciencedirect.com/science/journal/29498384</t>
  </si>
  <si>
    <t>Journal of Energy Infrastructure</t>
  </si>
  <si>
    <t>3051-097X</t>
  </si>
  <si>
    <t>3051097X</t>
  </si>
  <si>
    <t>32149</t>
  </si>
  <si>
    <t>https://www.sciencedirect.com/science/journal/3051097X</t>
  </si>
  <si>
    <t>Journal of Engineering Research</t>
  </si>
  <si>
    <t>2307-1877</t>
  </si>
  <si>
    <t>23071877</t>
  </si>
  <si>
    <t>31559</t>
  </si>
  <si>
    <t>https://www.sciencedirect.com/science/journal/23071877</t>
  </si>
  <si>
    <t>Journal of Epidemiology</t>
  </si>
  <si>
    <t>0917-5040</t>
  </si>
  <si>
    <t>09175040</t>
  </si>
  <si>
    <t>18360</t>
  </si>
  <si>
    <t>https://www.sciencedirect.com/science/journal/09175040</t>
  </si>
  <si>
    <t>Journal of Epidemiology and Global Health</t>
  </si>
  <si>
    <t>2210-6006</t>
  </si>
  <si>
    <t>22106006</t>
  </si>
  <si>
    <t>12942</t>
  </si>
  <si>
    <t>https://www.sciencedirect.com/science/journal/22106006</t>
  </si>
  <si>
    <t>Journal of Equine Rehabilitation</t>
  </si>
  <si>
    <t>2949-9054</t>
  </si>
  <si>
    <t>29499054</t>
  </si>
  <si>
    <t>31587</t>
  </si>
  <si>
    <t>https://www.sciencedirect.com/science/journal/29499054</t>
  </si>
  <si>
    <t>Journal of Ethnic Foods</t>
  </si>
  <si>
    <t>2352-6181</t>
  </si>
  <si>
    <t>23526181</t>
  </si>
  <si>
    <t>18093</t>
  </si>
  <si>
    <t>https://www.sciencedirect.com/science/journal/23526181</t>
  </si>
  <si>
    <t>Journal of EuCornea</t>
  </si>
  <si>
    <t>2452-4034</t>
  </si>
  <si>
    <t>24524034</t>
  </si>
  <si>
    <t>18874</t>
  </si>
  <si>
    <t>Transferred to Niall Slowey European Society as of 2021</t>
  </si>
  <si>
    <t>https://www.sciencedirect.com/science/journal/24524034</t>
  </si>
  <si>
    <t>Journal of Eurasian Studies</t>
  </si>
  <si>
    <t>1879-3665</t>
  </si>
  <si>
    <t>18793665</t>
  </si>
  <si>
    <t>05642</t>
  </si>
  <si>
    <t>Transferred to SAGE Publishing as of 2019</t>
  </si>
  <si>
    <t>https://www.sciencedirect.com/science/journal/18793665</t>
  </si>
  <si>
    <t>Journal of the European Academy of Dermatology and Venereology</t>
  </si>
  <si>
    <t>0926-9959</t>
  </si>
  <si>
    <t>09269959</t>
  </si>
  <si>
    <t>05116</t>
  </si>
  <si>
    <t>Transferred to Blackwell as of 2000</t>
  </si>
  <si>
    <t>https://www.sciencedirect.com/science/journal/09269959</t>
  </si>
  <si>
    <t>Journal of the European Meteorological Society</t>
  </si>
  <si>
    <t>2950-6301</t>
  </si>
  <si>
    <t>29506301</t>
  </si>
  <si>
    <t>31840</t>
  </si>
  <si>
    <t>https://www.sciencedirect.com/science/journal/29506301</t>
  </si>
  <si>
    <t>Journal of Exercise Science &amp; Fitness</t>
  </si>
  <si>
    <t>1728-869X</t>
  </si>
  <si>
    <t>1728869X</t>
  </si>
  <si>
    <t>08698</t>
  </si>
  <si>
    <t>https://www.sciencedirect.com/science/journal/1728869X</t>
  </si>
  <si>
    <t>Journal of Feline Medicine &amp; Surgery</t>
  </si>
  <si>
    <t>1098-612X</t>
  </si>
  <si>
    <t>1098612X</t>
  </si>
  <si>
    <t>12825</t>
  </si>
  <si>
    <t>Transferred to Sage Publications as of 2012</t>
  </si>
  <si>
    <t>https://www.sciencedirect.com/science/journal/1098612X</t>
  </si>
  <si>
    <t>The Journal of Finance and Data Science</t>
  </si>
  <si>
    <t>2405-9188</t>
  </si>
  <si>
    <t>24059188</t>
  </si>
  <si>
    <t>18234</t>
  </si>
  <si>
    <t>https://www.sciencedirect.com/science/journal/24059188</t>
  </si>
  <si>
    <t>Journal of Food and Drug Analysis</t>
  </si>
  <si>
    <t>1021-9498</t>
  </si>
  <si>
    <t>10219498</t>
  </si>
  <si>
    <t>17025</t>
  </si>
  <si>
    <t>https://www.sciencedirect.com/science/journal/10219498</t>
  </si>
  <si>
    <t>Journal of Food Protection</t>
  </si>
  <si>
    <t>0362-028X</t>
  </si>
  <si>
    <t>0362028X</t>
  </si>
  <si>
    <t>31498</t>
  </si>
  <si>
    <t>https://www.sciencedirect.com/science/journal/0362028X</t>
  </si>
  <si>
    <t>Journal of Forest Economics</t>
  </si>
  <si>
    <t>1104-6899</t>
  </si>
  <si>
    <t>11046899</t>
  </si>
  <si>
    <t>10008</t>
  </si>
  <si>
    <t>Transferred to Now Publishers as of 2019</t>
  </si>
  <si>
    <t>https://www.sciencedirect.com/science/journal/11046899</t>
  </si>
  <si>
    <t>The Journal of Frailty &amp; Aging</t>
  </si>
  <si>
    <t>2260-1341</t>
  </si>
  <si>
    <t>22601341</t>
  </si>
  <si>
    <t>32022</t>
  </si>
  <si>
    <t>https://www.sciencedirect.com/science/journal/22601341</t>
  </si>
  <si>
    <t>Journal of Future Foods</t>
  </si>
  <si>
    <t>2772-5669</t>
  </si>
  <si>
    <t>27725669</t>
  </si>
  <si>
    <t>31259</t>
  </si>
  <si>
    <t>https://www.sciencedirect.com/science/journal/27725669</t>
  </si>
  <si>
    <t>Journal of Genetic Engineering and Biotechnology</t>
  </si>
  <si>
    <t>1687-157X</t>
  </si>
  <si>
    <t>1687157X</t>
  </si>
  <si>
    <t>08718</t>
  </si>
  <si>
    <t>https://www.sciencedirect.com/science/journal/1687157X</t>
  </si>
  <si>
    <t>Journal of Ginseng Research</t>
  </si>
  <si>
    <t>1226-8453</t>
  </si>
  <si>
    <t>12268453</t>
  </si>
  <si>
    <t>17060</t>
  </si>
  <si>
    <t>https://www.sciencedirect.com/science/journal/12268453</t>
  </si>
  <si>
    <t>Journal of Government and Economics</t>
  </si>
  <si>
    <t>2667-3193</t>
  </si>
  <si>
    <t>26673193</t>
  </si>
  <si>
    <t>31170</t>
  </si>
  <si>
    <t>https://www.sciencedirect.com/science/journal/26673193</t>
  </si>
  <si>
    <t>The Journal of Hand Surgery: British &amp; European Volume</t>
  </si>
  <si>
    <t>0266-7681</t>
  </si>
  <si>
    <t>02667681</t>
  </si>
  <si>
    <t>Formerly known as The Hand; Continued as The Journal of Hand Surgery: European Volume</t>
  </si>
  <si>
    <t>https://www.sciencedirect.com/science/journal/02667681</t>
  </si>
  <si>
    <t>The Journal of Hand Surgery: European Volume</t>
  </si>
  <si>
    <t>1753-1934</t>
  </si>
  <si>
    <t>17531934</t>
  </si>
  <si>
    <t>Formerly known as The Journal of Hand Surgery: British and European Volume; Transferred to Sage Publications as of 2008</t>
  </si>
  <si>
    <t>https://www.sciencedirect.com/science/journal/17531934</t>
  </si>
  <si>
    <t>Journal of Hand Surgery Global Online</t>
  </si>
  <si>
    <t>2589-5141</t>
  </si>
  <si>
    <t>25895141</t>
  </si>
  <si>
    <t>18925</t>
  </si>
  <si>
    <t>https://www.sciencedirect.com/science/journal/25895141</t>
  </si>
  <si>
    <t>Journal of Hazardous Materials Advances</t>
  </si>
  <si>
    <t>2772-4166</t>
  </si>
  <si>
    <t>27724166</t>
  </si>
  <si>
    <t>31238</t>
  </si>
  <si>
    <t>https://www.sciencedirect.com/science/journal/27724166</t>
  </si>
  <si>
    <t>Journal of Hazardous Materials Letters</t>
  </si>
  <si>
    <t>2666-9110</t>
  </si>
  <si>
    <t>26669110</t>
  </si>
  <si>
    <t>31019</t>
  </si>
  <si>
    <t>https://www.sciencedirect.com/science/journal/26669110</t>
  </si>
  <si>
    <t>Journal of Hydrodynamics, Ser. B</t>
  </si>
  <si>
    <t>1001-6058</t>
  </si>
  <si>
    <t>10016058</t>
  </si>
  <si>
    <t>04103</t>
  </si>
  <si>
    <t>https://www.sciencedirect.com/science/journal/10016058</t>
  </si>
  <si>
    <t>Journal of Hydrology: Regional Studies</t>
  </si>
  <si>
    <t>2214-5818</t>
  </si>
  <si>
    <t>22145818</t>
  </si>
  <si>
    <t>08834</t>
  </si>
  <si>
    <t>https://www.sciencedirect.com/science/journal/22145818</t>
  </si>
  <si>
    <t>Journal of Hydrology X</t>
  </si>
  <si>
    <t>2589-9155</t>
  </si>
  <si>
    <t>25899155</t>
  </si>
  <si>
    <t>18446</t>
  </si>
  <si>
    <t>https://www.sciencedirect.com/science/journal/25899155</t>
  </si>
  <si>
    <t>Journal of Income Distribution</t>
  </si>
  <si>
    <t>0926-6437</t>
  </si>
  <si>
    <t>09266437</t>
  </si>
  <si>
    <t>07448</t>
  </si>
  <si>
    <t>Transferred to Transaction Publishers Distribution as of 2001</t>
  </si>
  <si>
    <t>https://www.sciencedirect.com/science/journal/09266437</t>
  </si>
  <si>
    <t>Journal of Indian College of Cardiology</t>
  </si>
  <si>
    <t>1561-8811</t>
  </si>
  <si>
    <t>15618811</t>
  </si>
  <si>
    <t>08823</t>
  </si>
  <si>
    <t>https://www.sciencedirect.com/science/journal/15618811</t>
  </si>
  <si>
    <t>Journal of Industrial Safety</t>
  </si>
  <si>
    <t>2950-2764</t>
  </si>
  <si>
    <t>29502764</t>
  </si>
  <si>
    <t>31705</t>
  </si>
  <si>
    <t>https://www.sciencedirect.com/science/journal/29502764</t>
  </si>
  <si>
    <t>Journal of Information and Intelligence</t>
  </si>
  <si>
    <t>2949-7159</t>
  </si>
  <si>
    <t>29497159</t>
  </si>
  <si>
    <t>31493</t>
  </si>
  <si>
    <t>https://www.sciencedirect.com/science/journal/29497159</t>
  </si>
  <si>
    <t>Journal of Innovation in Digital Ecosystems</t>
  </si>
  <si>
    <t>2352-6645</t>
  </si>
  <si>
    <t>23526645</t>
  </si>
  <si>
    <t>18091</t>
  </si>
  <si>
    <t>https://www.sciencedirect.com/science/journal/23526645</t>
  </si>
  <si>
    <t>Journal of Innovation &amp; Knowledge</t>
  </si>
  <si>
    <t>2444-569X</t>
  </si>
  <si>
    <t>2444569X</t>
  </si>
  <si>
    <t>16414</t>
  </si>
  <si>
    <t>https://www.sciencedirect.com/science/journal/2444569X</t>
  </si>
  <si>
    <t>Journal of Integrative Agriculture</t>
  </si>
  <si>
    <t>2095-3119</t>
  </si>
  <si>
    <t>20953119</t>
  </si>
  <si>
    <t>08568</t>
  </si>
  <si>
    <t>Transferred to KeAi; Formerly known as Agricultural Sciences in China</t>
  </si>
  <si>
    <t>https://www.sciencedirect.com/science/journal/20953119</t>
  </si>
  <si>
    <t>Journal of Integrative Horticulture</t>
  </si>
  <si>
    <t>3051-2905</t>
  </si>
  <si>
    <t>30512905</t>
  </si>
  <si>
    <t>32207</t>
  </si>
  <si>
    <t>https://www.sciencedirect.com/science/journal/30512905</t>
  </si>
  <si>
    <t>Journal of Intensive Medicine</t>
  </si>
  <si>
    <t>2667-100X</t>
  </si>
  <si>
    <t>2667100X</t>
  </si>
  <si>
    <t>31110</t>
  </si>
  <si>
    <t>https://www.sciencedirect.com/science/journal/2667100X</t>
  </si>
  <si>
    <t>Journal of Interactive Marketing</t>
  </si>
  <si>
    <t>1094-9968</t>
  </si>
  <si>
    <t>10949968</t>
  </si>
  <si>
    <t>07816</t>
  </si>
  <si>
    <t>Formerly known as Journal of Direct Marketing; Transferred back to society as of 2022</t>
  </si>
  <si>
    <t>https://www.sciencedirect.com/science/journal/10949968</t>
  </si>
  <si>
    <t>Journal of Interventional Medicine</t>
  </si>
  <si>
    <t>2096-3602</t>
  </si>
  <si>
    <t>20963602</t>
  </si>
  <si>
    <t>30013</t>
  </si>
  <si>
    <t>https://www.sciencedirect.com/science/journal/20963602</t>
  </si>
  <si>
    <t>Journal of Ionic Liquids</t>
  </si>
  <si>
    <t>2772-4220</t>
  </si>
  <si>
    <t>27724220</t>
  </si>
  <si>
    <t>31240</t>
  </si>
  <si>
    <t>https://www.sciencedirect.com/science/journal/27724220</t>
  </si>
  <si>
    <t>Journal of Iron and Steel Research, International</t>
  </si>
  <si>
    <t>1006-706X</t>
  </si>
  <si>
    <t>1006706X</t>
  </si>
  <si>
    <t>04258</t>
  </si>
  <si>
    <t>https://www.sciencedirect.com/science/journal/1006706X</t>
  </si>
  <si>
    <t>Journal of Joint Surgery and Research</t>
  </si>
  <si>
    <t>2949-7051</t>
  </si>
  <si>
    <t>29497051</t>
  </si>
  <si>
    <t>31482</t>
  </si>
  <si>
    <t>https://www.sciencedirect.com/science/journal/29497051</t>
  </si>
  <si>
    <t>Journal of King Saud University - Computer and Information Sciences</t>
  </si>
  <si>
    <t>1319-1578</t>
  </si>
  <si>
    <t>13191578</t>
  </si>
  <si>
    <t>08746</t>
  </si>
  <si>
    <t>https://www.sciencedirect.com/science/journal/13191578</t>
  </si>
  <si>
    <t>Journal of King Saud University - Engineering Sciences</t>
  </si>
  <si>
    <t>1018-3639</t>
  </si>
  <si>
    <t>10183639</t>
  </si>
  <si>
    <t>08752</t>
  </si>
  <si>
    <t>https://www.sciencedirect.com/science/journal/10183639</t>
  </si>
  <si>
    <t>Journal of King Saud University - Languages and Translation</t>
  </si>
  <si>
    <t>2210-8319</t>
  </si>
  <si>
    <t>22108319</t>
  </si>
  <si>
    <t>08750</t>
  </si>
  <si>
    <t>https://www.sciencedirect.com/science/journal/22108319</t>
  </si>
  <si>
    <t>Journal of King Saud University - Science</t>
  </si>
  <si>
    <t>1018-3647</t>
  </si>
  <si>
    <t>10183647</t>
  </si>
  <si>
    <t>08679</t>
  </si>
  <si>
    <t>https://www.sciencedirect.com/science/journal/10183647</t>
  </si>
  <si>
    <t>Journal of Korean Nature</t>
  </si>
  <si>
    <t>1976-8648</t>
  </si>
  <si>
    <t>19768648</t>
  </si>
  <si>
    <t>Continued as Journal of Asia-Pacific Biodiversity</t>
  </si>
  <si>
    <t>https://www.sciencedirect.com/science/journal/19768648</t>
  </si>
  <si>
    <t>Journal of the Korean Statistical Society</t>
  </si>
  <si>
    <t>1226-3192</t>
  </si>
  <si>
    <t>12263192</t>
  </si>
  <si>
    <t>08629</t>
  </si>
  <si>
    <t>Transferred to Springer as of 2020</t>
  </si>
  <si>
    <t>https://www.sciencedirect.com/science/journal/12263192</t>
  </si>
  <si>
    <t>Journal of Lipid Research</t>
  </si>
  <si>
    <t>0022-2275</t>
  </si>
  <si>
    <t>00222275</t>
  </si>
  <si>
    <t>31048</t>
  </si>
  <si>
    <t>https://www.sciencedirect.com/science/journal/00222275</t>
  </si>
  <si>
    <t>The Journal of Liquid Biopsy</t>
  </si>
  <si>
    <t>2950-1954</t>
  </si>
  <si>
    <t>29501954</t>
  </si>
  <si>
    <t>31657</t>
  </si>
  <si>
    <t>https://www.sciencedirect.com/science/journal/29501954</t>
  </si>
  <si>
    <t>Journal of Liver Transplantation</t>
  </si>
  <si>
    <t>2666-9676</t>
  </si>
  <si>
    <t>26669676</t>
  </si>
  <si>
    <t>31046</t>
  </si>
  <si>
    <t>https://www.sciencedirect.com/science/journal/26669676</t>
  </si>
  <si>
    <t>Journal of Magnesium and Alloys</t>
  </si>
  <si>
    <t>2213-9567</t>
  </si>
  <si>
    <t>22139567</t>
  </si>
  <si>
    <t>17010</t>
  </si>
  <si>
    <t>https://www.sciencedirect.com/science/journal/22139567</t>
  </si>
  <si>
    <t>Journal of Magnetic Resonance Open</t>
  </si>
  <si>
    <t>2666-4410</t>
  </si>
  <si>
    <t>26664410</t>
  </si>
  <si>
    <t>30316</t>
  </si>
  <si>
    <t>https://www.sciencedirect.com/science/journal/26664410</t>
  </si>
  <si>
    <t>Journal des Maladies Vasculaires</t>
  </si>
  <si>
    <t>0398-0499</t>
  </si>
  <si>
    <t>03980499</t>
  </si>
  <si>
    <t>15563</t>
  </si>
  <si>
    <t>Continued as JMV-Journal de Médecine Vasculaire</t>
  </si>
  <si>
    <t>https://www.sciencedirect.com/science/journal/03980499</t>
  </si>
  <si>
    <t>Journal of Management</t>
  </si>
  <si>
    <t>0149-2063</t>
  </si>
  <si>
    <t>01492063</t>
  </si>
  <si>
    <t>07425</t>
  </si>
  <si>
    <t>Transferred to Sage Publications as of 2005</t>
  </si>
  <si>
    <t>https://www.sciencedirect.com/science/journal/01492063</t>
  </si>
  <si>
    <t>Journal of Management Science and Engineering</t>
  </si>
  <si>
    <t>2096-2320</t>
  </si>
  <si>
    <t>20962320</t>
  </si>
  <si>
    <t>18438</t>
  </si>
  <si>
    <t>https://www.sciencedirect.com/science/journal/20962320</t>
  </si>
  <si>
    <t>Journal of Manipulative and Physiological Therapeutics</t>
  </si>
  <si>
    <t>0161-4754</t>
  </si>
  <si>
    <t>01614754</t>
  </si>
  <si>
    <t>13026</t>
  </si>
  <si>
    <t>https://www.sciencedirect.com/science/journal/01614754</t>
  </si>
  <si>
    <t>Journal of Marine and Island Cultures</t>
  </si>
  <si>
    <t>2212-6821</t>
  </si>
  <si>
    <t>22126821</t>
  </si>
  <si>
    <t>08818</t>
  </si>
  <si>
    <t>https://www.sciencedirect.com/science/journal/22126821</t>
  </si>
  <si>
    <t>Journal of Mass Spectrometry and Advances in the Clinical Lab</t>
  </si>
  <si>
    <t>2667-145X</t>
  </si>
  <si>
    <t>2667145X</t>
  </si>
  <si>
    <t>18357</t>
  </si>
  <si>
    <t>https://www.sciencedirect.com/science/journal/2667145X</t>
  </si>
  <si>
    <t>Journal of Materials Research and Technology</t>
  </si>
  <si>
    <t>2238-7854</t>
  </si>
  <si>
    <t>22387854</t>
  </si>
  <si>
    <t>15985</t>
  </si>
  <si>
    <t>https://www.sciencedirect.com/science/journal/22387854</t>
  </si>
  <si>
    <t>Journal of Materiomics</t>
  </si>
  <si>
    <t>2352-8478</t>
  </si>
  <si>
    <t>23528478</t>
  </si>
  <si>
    <t>18181</t>
  </si>
  <si>
    <t>https://www.sciencedirect.com/science/journal/23528478</t>
  </si>
  <si>
    <t>Journal of Medical Colleges of PLA</t>
  </si>
  <si>
    <t>1000-1948</t>
  </si>
  <si>
    <t>10001948</t>
  </si>
  <si>
    <t>08616</t>
  </si>
  <si>
    <t>https://www.sciencedirect.com/science/journal/10001948</t>
  </si>
  <si>
    <t>Journal of Medical Hypotheses and Ideas</t>
  </si>
  <si>
    <t>2251-7294</t>
  </si>
  <si>
    <t>22517294</t>
  </si>
  <si>
    <t>08820</t>
  </si>
  <si>
    <t>https://www.sciencedirect.com/science/journal/22517294</t>
  </si>
  <si>
    <t>Journal of Medical Ultrasound</t>
  </si>
  <si>
    <t>0929-6441</t>
  </si>
  <si>
    <t>09296441</t>
  </si>
  <si>
    <t>08594</t>
  </si>
  <si>
    <t>https://www.sciencedirect.com/science/journal/09296441</t>
  </si>
  <si>
    <t>Journal of Medieval History</t>
  </si>
  <si>
    <t>0304-4181</t>
  </si>
  <si>
    <t>03044181</t>
  </si>
  <si>
    <t>01005</t>
  </si>
  <si>
    <t>https://www.sciencedirect.com/science/journal/03044181</t>
  </si>
  <si>
    <t>Journal of Membrane Science Letters</t>
  </si>
  <si>
    <t>2772-4212</t>
  </si>
  <si>
    <t>27724212</t>
  </si>
  <si>
    <t>31239</t>
  </si>
  <si>
    <t>https://www.sciencedirect.com/science/journal/27724212</t>
  </si>
  <si>
    <t>Journal of Men’s Health</t>
  </si>
  <si>
    <t>1875-6867</t>
  </si>
  <si>
    <t>18756867</t>
  </si>
  <si>
    <t>05488</t>
  </si>
  <si>
    <t>Formerly known as The Journal of Men's Health &amp; Gender; transferred back to the society as of 2013</t>
  </si>
  <si>
    <t>https://www.sciencedirect.com/science/journal/18756867</t>
  </si>
  <si>
    <t>The Journal of Men's Health &amp; Gender</t>
  </si>
  <si>
    <t>1571-8913</t>
  </si>
  <si>
    <t>15718913</t>
  </si>
  <si>
    <t>Continued as Journal of Men’s Health</t>
  </si>
  <si>
    <t>https://www.sciencedirect.com/science/journal/15718913</t>
  </si>
  <si>
    <t>Journal of Microscopy and Ultrastructure</t>
  </si>
  <si>
    <t>2213-879X</t>
  </si>
  <si>
    <t>2213879X</t>
  </si>
  <si>
    <t>10181</t>
  </si>
  <si>
    <t>https://www.sciencedirect.com/science/journal/2213879X</t>
  </si>
  <si>
    <t>Journal of Midwifery &amp; Women's Health</t>
  </si>
  <si>
    <t>1526-9523</t>
  </si>
  <si>
    <t>15269523</t>
  </si>
  <si>
    <t>07723</t>
  </si>
  <si>
    <t>Formerly known as Journal of Nurse-Midwifery; transferred to Wiley-Blackwell as of 2011</t>
  </si>
  <si>
    <t>https://www.sciencedirect.com/science/journal/15269523</t>
  </si>
  <si>
    <t>Journal of Migration and Health</t>
  </si>
  <si>
    <t>2666-6235</t>
  </si>
  <si>
    <t>26666235</t>
  </si>
  <si>
    <t>30396</t>
  </si>
  <si>
    <t>https://www.sciencedirect.com/science/journal/26666235</t>
  </si>
  <si>
    <t>Journal of Molecular and Cellular Cardiology Plus</t>
  </si>
  <si>
    <t>2772-9761</t>
  </si>
  <si>
    <t>27729761</t>
  </si>
  <si>
    <t>31398</t>
  </si>
  <si>
    <t>https://www.sciencedirect.com/science/journal/27729761</t>
  </si>
  <si>
    <t>Journal of Mood and Anxiety Disorders</t>
  </si>
  <si>
    <t>2950-0044</t>
  </si>
  <si>
    <t>29500044</t>
  </si>
  <si>
    <t>31629</t>
  </si>
  <si>
    <t>https://www.sciencedirect.com/science/journal/29500044</t>
  </si>
  <si>
    <t>Journal of Nanjing Medical University</t>
  </si>
  <si>
    <t>1007-4376</t>
  </si>
  <si>
    <t>10074376</t>
  </si>
  <si>
    <t>Continued as Journal of Biomedical Research</t>
  </si>
  <si>
    <t>https://www.sciencedirect.com/science/journal/10074376</t>
  </si>
  <si>
    <t>Journal of the National Cancer Center</t>
  </si>
  <si>
    <t>2667-0054</t>
  </si>
  <si>
    <t>26670054</t>
  </si>
  <si>
    <t>31071</t>
  </si>
  <si>
    <t>https://www.sciencedirect.com/science/journal/26670054</t>
  </si>
  <si>
    <t>Journal of Natural Gas Geoscience</t>
  </si>
  <si>
    <t>2468-256X</t>
  </si>
  <si>
    <t>2468256X</t>
  </si>
  <si>
    <t>18351</t>
  </si>
  <si>
    <t>https://www.sciencedirect.com/science/journal/2468256X</t>
  </si>
  <si>
    <t>Journal of Natural Pesticide Research</t>
  </si>
  <si>
    <t>2773-0786</t>
  </si>
  <si>
    <t>27730786</t>
  </si>
  <si>
    <t>31431</t>
  </si>
  <si>
    <t>https://www.sciencedirect.com/science/journal/27730786</t>
  </si>
  <si>
    <t>Journal of Neurorestoratology</t>
  </si>
  <si>
    <t>2324-2426</t>
  </si>
  <si>
    <t>23242426</t>
  </si>
  <si>
    <t>31433</t>
  </si>
  <si>
    <t>https://www.sciencedirect.com/science/journal/23242426</t>
  </si>
  <si>
    <t>Journal of the Nigerian Mathematical Society</t>
  </si>
  <si>
    <t>0189-8965</t>
  </si>
  <si>
    <t>01898965</t>
  </si>
  <si>
    <t>18099</t>
  </si>
  <si>
    <t>https://www.sciencedirect.com/science/journal/01898965</t>
  </si>
  <si>
    <t>Journal of Non-Crystalline Solids: X</t>
  </si>
  <si>
    <t>2590-1591</t>
  </si>
  <si>
    <t>25901591</t>
  </si>
  <si>
    <t>18458</t>
  </si>
  <si>
    <t>https://www.sciencedirect.com/science/journal/25901591</t>
  </si>
  <si>
    <t>Journal of Northeast Agricultural University (English Edition)</t>
  </si>
  <si>
    <t>1006-8104</t>
  </si>
  <si>
    <t>10068104</t>
  </si>
  <si>
    <t>08800</t>
  </si>
  <si>
    <t>https://www.sciencedirect.com/science/journal/10068104</t>
  </si>
  <si>
    <t>Journal of Nurse-Midwifery</t>
  </si>
  <si>
    <t>0091-2182</t>
  </si>
  <si>
    <t>00912182</t>
  </si>
  <si>
    <t>Continued as Journal of Midwifery &amp; Women's Health</t>
  </si>
  <si>
    <t>https://www.sciencedirect.com/science/journal/00912182</t>
  </si>
  <si>
    <t>Journal of Nutrition &amp; Intermediary Metabolism</t>
  </si>
  <si>
    <t>2352-3859</t>
  </si>
  <si>
    <t>23523859</t>
  </si>
  <si>
    <t>https://www.sciencedirect.com/science/journal/23523859</t>
  </si>
  <si>
    <t>Journal of Ocean Engineering and Science</t>
  </si>
  <si>
    <t>2468-0133</t>
  </si>
  <si>
    <t>24680133</t>
  </si>
  <si>
    <t>18270</t>
  </si>
  <si>
    <t>https://www.sciencedirect.com/science/journal/24680133</t>
  </si>
  <si>
    <t>Journal of Allergy and Clinical Immunology: Global</t>
  </si>
  <si>
    <t>2772-8293</t>
  </si>
  <si>
    <t>27728293</t>
  </si>
  <si>
    <t>31345</t>
  </si>
  <si>
    <t>https://www.sciencedirect.com/science/journal/27728293</t>
  </si>
  <si>
    <t>Journal of Computational Algebra</t>
  </si>
  <si>
    <t>2772-8277</t>
  </si>
  <si>
    <t>27728277</t>
  </si>
  <si>
    <t>31361</t>
  </si>
  <si>
    <t>https://www.sciencedirect.com/science/journal/27728277</t>
  </si>
  <si>
    <t>Journal of ISAKOS</t>
  </si>
  <si>
    <t>2059-7754</t>
  </si>
  <si>
    <t>20597754</t>
  </si>
  <si>
    <t>31337</t>
  </si>
  <si>
    <t>https://www.sciencedirect.com/science/journal/20597754</t>
  </si>
  <si>
    <t>Journal of Oncological Sciences</t>
  </si>
  <si>
    <t>2452-3364</t>
  </si>
  <si>
    <t>24523364</t>
  </si>
  <si>
    <t>18220</t>
  </si>
  <si>
    <t>https://www.sciencedirect.com/science/journal/24523364</t>
  </si>
  <si>
    <t>Journal of Open Innovation: Technology, Market, and Complexity</t>
  </si>
  <si>
    <t>2199-8531</t>
  </si>
  <si>
    <t>21998531</t>
  </si>
  <si>
    <t>31515</t>
  </si>
  <si>
    <t>https://www.sciencedirect.com/science/journal/21998531</t>
  </si>
  <si>
    <t>Journal of Operations Management</t>
  </si>
  <si>
    <t>0272-6963</t>
  </si>
  <si>
    <t>02726963</t>
  </si>
  <si>
    <t>05400</t>
  </si>
  <si>
    <t>Transferred to Wiley as of 2019</t>
  </si>
  <si>
    <t>https://www.sciencedirect.com/science/journal/02726963</t>
  </si>
  <si>
    <t>Journal of Orthopaedic Reports</t>
  </si>
  <si>
    <t>2773-157X</t>
  </si>
  <si>
    <t>2773157X</t>
  </si>
  <si>
    <t>31447</t>
  </si>
  <si>
    <t>https://www.sciencedirect.com/science/journal/2773157X</t>
  </si>
  <si>
    <t>Journal of Orthopaedic Research</t>
  </si>
  <si>
    <t>0736-0266</t>
  </si>
  <si>
    <t>07360266</t>
  </si>
  <si>
    <t>02287</t>
  </si>
  <si>
    <t>Transferred to Wiley InterScience as of 2006</t>
  </si>
  <si>
    <t>https://www.sciencedirect.com/science/journal/07360266</t>
  </si>
  <si>
    <t>Journal of Orthopaedic Translation</t>
  </si>
  <si>
    <t>2214-031X</t>
  </si>
  <si>
    <t>2214031X</t>
  </si>
  <si>
    <t>17009</t>
  </si>
  <si>
    <t>https://www.sciencedirect.com/science/journal/2214031X</t>
  </si>
  <si>
    <t>Journal of Orthopaedics, Trauma and Rehabilitation</t>
  </si>
  <si>
    <t>2210-4917</t>
  </si>
  <si>
    <t>22104917</t>
  </si>
  <si>
    <t>08723</t>
  </si>
  <si>
    <t>https://www.sciencedirect.com/science/journal/22104917</t>
  </si>
  <si>
    <t>Journal of Otology</t>
  </si>
  <si>
    <t>1672-2930</t>
  </si>
  <si>
    <t>16722930</t>
  </si>
  <si>
    <t>18135</t>
  </si>
  <si>
    <t>https://www.sciencedirect.com/science/journal/16722930</t>
  </si>
  <si>
    <t>Journal of Palaeogeography</t>
  </si>
  <si>
    <t>2095-3836</t>
  </si>
  <si>
    <t>20953836</t>
  </si>
  <si>
    <t>18213</t>
  </si>
  <si>
    <t>https://www.sciencedirect.com/science/journal/20953836</t>
  </si>
  <si>
    <t>Journal of Pathology Informatics</t>
  </si>
  <si>
    <t>2153-3539</t>
  </si>
  <si>
    <t>21533539</t>
  </si>
  <si>
    <t>31411</t>
  </si>
  <si>
    <t>https://www.sciencedirect.com/science/journal/21533539</t>
  </si>
  <si>
    <t>Journal of Patient Safety &amp; Infection Control</t>
  </si>
  <si>
    <t>2214-207X</t>
  </si>
  <si>
    <t>2214207X</t>
  </si>
  <si>
    <t>18041</t>
  </si>
  <si>
    <t>https://www.sciencedirect.com/science/journal/2214207X</t>
  </si>
  <si>
    <t>Journal of Pediatric Oncology Nursing</t>
  </si>
  <si>
    <t>1043-4542</t>
  </si>
  <si>
    <t>10434542</t>
  </si>
  <si>
    <t>13161</t>
  </si>
  <si>
    <t>Transferred to Sage Publications as of 2003</t>
  </si>
  <si>
    <t>https://www.sciencedirect.com/science/journal/10434542</t>
  </si>
  <si>
    <t>Journal of Pediatric Surgery Case Reports</t>
  </si>
  <si>
    <t>2213-5766</t>
  </si>
  <si>
    <t>22135766</t>
  </si>
  <si>
    <t>14136</t>
  </si>
  <si>
    <t>https://www.sciencedirect.com/science/journal/22135766</t>
  </si>
  <si>
    <t>Journal of Pediatric Surgery Open</t>
  </si>
  <si>
    <t>2949-7116</t>
  </si>
  <si>
    <t>29497116</t>
  </si>
  <si>
    <t>31488</t>
  </si>
  <si>
    <t>https://www.sciencedirect.com/science/journal/29497116</t>
  </si>
  <si>
    <t>The Journal of Pediatrics: X</t>
  </si>
  <si>
    <t>2590-0420</t>
  </si>
  <si>
    <t>25900420</t>
  </si>
  <si>
    <t>18942</t>
  </si>
  <si>
    <t>https://www.sciencedirect.com/science/journal/25900420</t>
  </si>
  <si>
    <t>Journal of Pharmaceutical Analysis</t>
  </si>
  <si>
    <t>2095-1779</t>
  </si>
  <si>
    <t>20951779</t>
  </si>
  <si>
    <t>08782</t>
  </si>
  <si>
    <t>https://www.sciencedirect.com/science/journal/20951779</t>
  </si>
  <si>
    <t>Journal of Pharmaceutical and Biomedical Analysis Open</t>
  </si>
  <si>
    <t>2949-771X</t>
  </si>
  <si>
    <t>2949771X</t>
  </si>
  <si>
    <t>31523</t>
  </si>
  <si>
    <t>https://www.sciencedirect.com/science/journal/2949771X</t>
  </si>
  <si>
    <t>Journal of Pharmacological Sciences</t>
  </si>
  <si>
    <t>1347-8613</t>
  </si>
  <si>
    <t>13478613</t>
  </si>
  <si>
    <t>18119</t>
  </si>
  <si>
    <t>Formerly known as Japanese Journal of Pharmacology</t>
  </si>
  <si>
    <t>https://www.sciencedirect.com/science/journal/13478613</t>
  </si>
  <si>
    <t>Journal of Pharmacy Research</t>
  </si>
  <si>
    <t>0974-6943</t>
  </si>
  <si>
    <t>09746943</t>
  </si>
  <si>
    <t>18015</t>
  </si>
  <si>
    <t>Transferred to JPR Solutions as of 2014</t>
  </si>
  <si>
    <t>https://www.sciencedirect.com/science/journal/09746943</t>
  </si>
  <si>
    <t>Journal of Photochemistry and Photobiology</t>
  </si>
  <si>
    <t>2666-4690</t>
  </si>
  <si>
    <t>26664690</t>
  </si>
  <si>
    <t>30332</t>
  </si>
  <si>
    <t>https://www.sciencedirect.com/science/journal/26664690</t>
  </si>
  <si>
    <t>Journal of Physiotherapy</t>
  </si>
  <si>
    <t>1836-9553</t>
  </si>
  <si>
    <t>18369553</t>
  </si>
  <si>
    <t>Formerly known as Australian Journal of Physiotherapy</t>
  </si>
  <si>
    <t>https://www.sciencedirect.com/science/journal/18369553</t>
  </si>
  <si>
    <t>Journal of Pierre Fauchard Academy (India Section)</t>
  </si>
  <si>
    <t>0970-2199</t>
  </si>
  <si>
    <t>09702199</t>
  </si>
  <si>
    <t>10162</t>
  </si>
  <si>
    <t>https://www.sciencedirect.com/science/journal/09702199</t>
  </si>
  <si>
    <t>Journal of Pipeline Science and Engineering</t>
  </si>
  <si>
    <t>2667-1433</t>
  </si>
  <si>
    <t>26671433</t>
  </si>
  <si>
    <t>31131</t>
  </si>
  <si>
    <t>https://www.sciencedirect.com/science/journal/26671433</t>
  </si>
  <si>
    <t>Journal of Power Sources Advances</t>
  </si>
  <si>
    <t>2666-2485</t>
  </si>
  <si>
    <t>26662485</t>
  </si>
  <si>
    <t>30262</t>
  </si>
  <si>
    <t>https://www.sciencedirect.com/science/journal/26662485</t>
  </si>
  <si>
    <t>The Journal of Prevention of Alzheimer's Disease</t>
  </si>
  <si>
    <t>2274-5807</t>
  </si>
  <si>
    <t>22745807</t>
  </si>
  <si>
    <t>32016</t>
  </si>
  <si>
    <t>https://www.sciencedirect.com/science/journal/22745807</t>
  </si>
  <si>
    <t>Journal of Product Innovation Management</t>
  </si>
  <si>
    <t>0737-6782</t>
  </si>
  <si>
    <t>07376782</t>
  </si>
  <si>
    <t>07732</t>
  </si>
  <si>
    <t>Transferred to Blackwell as of 2003</t>
  </si>
  <si>
    <t>https://www.sciencedirect.com/science/journal/07376782</t>
  </si>
  <si>
    <t>Journal of Public Economics Plus</t>
  </si>
  <si>
    <t>2666-5514</t>
  </si>
  <si>
    <t>26665514</t>
  </si>
  <si>
    <t>30364</t>
  </si>
  <si>
    <t>https://www.sciencedirect.com/science/journal/26665514</t>
  </si>
  <si>
    <t>Journal of Public Transportation</t>
  </si>
  <si>
    <t>1077-291X</t>
  </si>
  <si>
    <t>1077291X</t>
  </si>
  <si>
    <t>31412</t>
  </si>
  <si>
    <t>https://www.sciencedirect.com/science/journal/1077291X</t>
  </si>
  <si>
    <t>Journal of Radiation Research and Applied Sciences</t>
  </si>
  <si>
    <t>1687-8507</t>
  </si>
  <si>
    <t>16878507</t>
  </si>
  <si>
    <t>17041</t>
  </si>
  <si>
    <t>https://www.sciencedirect.com/science/journal/16878507</t>
  </si>
  <si>
    <t>Journal of Railway Science and Technology</t>
  </si>
  <si>
    <t>3050-8142</t>
  </si>
  <si>
    <t>30508142</t>
  </si>
  <si>
    <t>32106</t>
  </si>
  <si>
    <t>https://www.sciencedirect.com/science/journal/30508142</t>
  </si>
  <si>
    <t>Journal of Reproduction and Contraception</t>
  </si>
  <si>
    <t>1001-7844</t>
  </si>
  <si>
    <t>10017844</t>
  </si>
  <si>
    <t>08618</t>
  </si>
  <si>
    <t>https://www.sciencedirect.com/science/journal/10017844</t>
  </si>
  <si>
    <t>Journal of Resource Insects</t>
  </si>
  <si>
    <t>3050-516X</t>
  </si>
  <si>
    <t>3050516X</t>
  </si>
  <si>
    <t>31998</t>
  </si>
  <si>
    <t>https://www.sciencedirect.com/science/journal/3050516X</t>
  </si>
  <si>
    <t>Journal of Responsible Technology</t>
  </si>
  <si>
    <t>2666-6596</t>
  </si>
  <si>
    <t>26666596</t>
  </si>
  <si>
    <t>30406</t>
  </si>
  <si>
    <t>https://www.sciencedirect.com/science/journal/26666596</t>
  </si>
  <si>
    <t>Journal of Road Engineering</t>
  </si>
  <si>
    <t>2097-0498</t>
  </si>
  <si>
    <t>20970498</t>
  </si>
  <si>
    <t>31407</t>
  </si>
  <si>
    <t>https://www.sciencedirect.com/science/journal/20970498</t>
  </si>
  <si>
    <t>Journal of Rock Mechanics and Geotechnical Engineering</t>
  </si>
  <si>
    <t>1674-7755</t>
  </si>
  <si>
    <t>16747755</t>
  </si>
  <si>
    <t>10180</t>
  </si>
  <si>
    <t>https://www.sciencedirect.com/science/journal/16747755</t>
  </si>
  <si>
    <t>Journal of Safety Science and Resilience</t>
  </si>
  <si>
    <t>2666-4496</t>
  </si>
  <si>
    <t>26664496</t>
  </si>
  <si>
    <t>30328</t>
  </si>
  <si>
    <t>https://www.sciencedirect.com/science/journal/26664496</t>
  </si>
  <si>
    <t>Journal of Safety and Sustainability</t>
  </si>
  <si>
    <t>2949-9267</t>
  </si>
  <si>
    <t>29499267</t>
  </si>
  <si>
    <t>31609</t>
  </si>
  <si>
    <t>https://www.sciencedirect.com/science/journal/29499267</t>
  </si>
  <si>
    <t>Journal of Saudi Chemical Society</t>
  </si>
  <si>
    <t>1319-6103</t>
  </si>
  <si>
    <t>13196103</t>
  </si>
  <si>
    <t>08693</t>
  </si>
  <si>
    <t>https://www.sciencedirect.com/science/journal/13196103</t>
  </si>
  <si>
    <t>Journal of the Saudi Heart Association</t>
  </si>
  <si>
    <t>1016-7315</t>
  </si>
  <si>
    <t>10167315</t>
  </si>
  <si>
    <t>08681</t>
  </si>
  <si>
    <t>https://www.sciencedirect.com/science/journal/10167315</t>
  </si>
  <si>
    <t>Journal of the Saudi Society of Agricultural Sciences</t>
  </si>
  <si>
    <t>1658-077X</t>
  </si>
  <si>
    <t>1658077X</t>
  </si>
  <si>
    <t>08744</t>
  </si>
  <si>
    <t>https://www.sciencedirect.com/science/journal/1658077X</t>
  </si>
  <si>
    <t>Journal of the Saudi Society of Dermatology &amp; Dermatologic Surgery</t>
  </si>
  <si>
    <t>2210-836X</t>
  </si>
  <si>
    <t>2210836X</t>
  </si>
  <si>
    <t>Continued as Journal of Dermatology &amp; Dermatologic Surgery</t>
  </si>
  <si>
    <t>https://www.sciencedirect.com/science/journal/2210836X</t>
  </si>
  <si>
    <t>Journal of Science: Advanced Materials and Devices</t>
  </si>
  <si>
    <t>2468-2179</t>
  </si>
  <si>
    <t>24682179</t>
  </si>
  <si>
    <t>18339</t>
  </si>
  <si>
    <t>https://www.sciencedirect.com/science/journal/24682179</t>
  </si>
  <si>
    <t>The Journal of Sexual Medicine</t>
  </si>
  <si>
    <t>1743-6095</t>
  </si>
  <si>
    <t>17436095</t>
  </si>
  <si>
    <t>18846</t>
  </si>
  <si>
    <t>https://www.sciencedirect.com/science/journal/17436095</t>
  </si>
  <si>
    <t>The Journal of Social Studies Research</t>
  </si>
  <si>
    <t>0885-985X</t>
  </si>
  <si>
    <t>0885985X</t>
  </si>
  <si>
    <t>14139</t>
  </si>
  <si>
    <t>Transferred back to the society as of 2023;</t>
  </si>
  <si>
    <t>https://www.sciencedirect.com/science/journal/0885985X</t>
  </si>
  <si>
    <t>Journal of the Society for Cardiovascular Angiography &amp; Interventions</t>
  </si>
  <si>
    <t>2772-9303</t>
  </si>
  <si>
    <t>27729303</t>
  </si>
  <si>
    <t>31380</t>
  </si>
  <si>
    <t>https://www.sciencedirect.com/science/journal/27729303</t>
  </si>
  <si>
    <t>Journal of Sport and Health Science</t>
  </si>
  <si>
    <t>2095-2546</t>
  </si>
  <si>
    <t>20952546</t>
  </si>
  <si>
    <t>08822</t>
  </si>
  <si>
    <t>https://www.sciencedirect.com/science/journal/20952546</t>
  </si>
  <si>
    <t>Journal of Structural Biology: X</t>
  </si>
  <si>
    <t>2590-1524</t>
  </si>
  <si>
    <t>25901524</t>
  </si>
  <si>
    <t>18946</t>
  </si>
  <si>
    <t>https://www.sciencedirect.com/science/journal/25901524</t>
  </si>
  <si>
    <t>Journal of Sustainable Mining</t>
  </si>
  <si>
    <t>2300-3960</t>
  </si>
  <si>
    <t>23003960</t>
  </si>
  <si>
    <t>18203</t>
  </si>
  <si>
    <t>Transferred to MDPI as of 2020</t>
  </si>
  <si>
    <t>https://www.sciencedirect.com/science/journal/23003960</t>
  </si>
  <si>
    <t>Journal of Systems Engineering and Electronics</t>
  </si>
  <si>
    <t>1004-4132</t>
  </si>
  <si>
    <t>10044132</t>
  </si>
  <si>
    <t>04274</t>
  </si>
  <si>
    <t>Transferred to the Systems Engineering Society of China as of 2009</t>
  </si>
  <si>
    <t>https://www.sciencedirect.com/science/journal/10044132</t>
  </si>
  <si>
    <t>Journal of Taibah University Medical Sciences</t>
  </si>
  <si>
    <t>1658-3612</t>
  </si>
  <si>
    <t>16583612</t>
  </si>
  <si>
    <t>10133</t>
  </si>
  <si>
    <t>https://www.sciencedirect.com/science/journal/16583612</t>
  </si>
  <si>
    <t>Journal of Taibah University for Science</t>
  </si>
  <si>
    <t>1658-3655</t>
  </si>
  <si>
    <t>16583655</t>
  </si>
  <si>
    <t>10139</t>
  </si>
  <si>
    <t>https://www.sciencedirect.com/science/journal/16583655</t>
  </si>
  <si>
    <t>Journal of Trace Elements and Minerals</t>
  </si>
  <si>
    <t>2773-0506</t>
  </si>
  <si>
    <t>27730506</t>
  </si>
  <si>
    <t>31422</t>
  </si>
  <si>
    <t>https://www.sciencedirect.com/science/journal/27730506</t>
  </si>
  <si>
    <t>Journal of Traditional Chinese Medical Sciences</t>
  </si>
  <si>
    <t>2095-7548</t>
  </si>
  <si>
    <t>20957548</t>
  </si>
  <si>
    <t>18116</t>
  </si>
  <si>
    <t>https://www.sciencedirect.com/science/journal/20957548</t>
  </si>
  <si>
    <t>Journal of Traditional Chinese Medicine</t>
  </si>
  <si>
    <t>0254-6272</t>
  </si>
  <si>
    <t>02546272</t>
  </si>
  <si>
    <t>06075</t>
  </si>
  <si>
    <t>https://www.sciencedirect.com/science/journal/02546272</t>
  </si>
  <si>
    <t>Journal of Traditional and Complementary Medicine</t>
  </si>
  <si>
    <t>2225-4110</t>
  </si>
  <si>
    <t>22254110</t>
  </si>
  <si>
    <t>18123</t>
  </si>
  <si>
    <t>https://www.sciencedirect.com/science/journal/22254110</t>
  </si>
  <si>
    <t>Journal of Traffic and Transportation Engineering (English Edition)</t>
  </si>
  <si>
    <t>2095-7564</t>
  </si>
  <si>
    <t>20957564</t>
  </si>
  <si>
    <t>18157</t>
  </si>
  <si>
    <t>https://www.sciencedirect.com/science/journal/20957564</t>
  </si>
  <si>
    <t>Journal of Translational Autoimmunity</t>
  </si>
  <si>
    <t>2589-9090</t>
  </si>
  <si>
    <t>25899090</t>
  </si>
  <si>
    <t>30057</t>
  </si>
  <si>
    <t>https://www.sciencedirect.com/science/journal/25899090</t>
  </si>
  <si>
    <t>Journal of Ultrasound</t>
  </si>
  <si>
    <t>1971-3495</t>
  </si>
  <si>
    <t>19713495</t>
  </si>
  <si>
    <t>15800</t>
  </si>
  <si>
    <t>Transferred to Springer-Verlag as of 2013</t>
  </si>
  <si>
    <t>https://www.sciencedirect.com/science/journal/19713495</t>
  </si>
  <si>
    <t>Journal of Urban Management</t>
  </si>
  <si>
    <t>2226-5856</t>
  </si>
  <si>
    <t>22265856</t>
  </si>
  <si>
    <t>18138</t>
  </si>
  <si>
    <t>https://www.sciencedirect.com/science/journal/22265856</t>
  </si>
  <si>
    <t>Journal of Urban Mobility</t>
  </si>
  <si>
    <t>2667-0917</t>
  </si>
  <si>
    <t>26670917</t>
  </si>
  <si>
    <t>31104</t>
  </si>
  <si>
    <t>https://www.sciencedirect.com/science/journal/26670917</t>
  </si>
  <si>
    <t>The Journal of Urology</t>
  </si>
  <si>
    <t>0022-5347</t>
  </si>
  <si>
    <t>00225347</t>
  </si>
  <si>
    <t>14024</t>
  </si>
  <si>
    <t>https://www.sciencedirect.com/science/journal/00225347</t>
  </si>
  <si>
    <t>Journal of Vascular Surgery Cases and Innovative Techniques</t>
  </si>
  <si>
    <t>2468-4287</t>
  </si>
  <si>
    <t>24684287</t>
  </si>
  <si>
    <t>18789</t>
  </si>
  <si>
    <t>Formerly Known as Journal Vascular Surgery Cases</t>
  </si>
  <si>
    <t>https://www.sciencedirect.com/science/journal/24684287</t>
  </si>
  <si>
    <t>Journal of Virus Eradication</t>
  </si>
  <si>
    <t>2055-6640</t>
  </si>
  <si>
    <t>20556640</t>
  </si>
  <si>
    <t>31031</t>
  </si>
  <si>
    <t>https://www.sciencedirect.com/science/journal/20556640</t>
  </si>
  <si>
    <t>Journal of WOCN</t>
  </si>
  <si>
    <t>1071-5754</t>
  </si>
  <si>
    <t>10715754</t>
  </si>
  <si>
    <t>13172</t>
  </si>
  <si>
    <t>Transferred to Lippincott, Williams &amp; Wilkins as of 2004</t>
  </si>
  <si>
    <t>https://www.sciencedirect.com/science/journal/10715754</t>
  </si>
  <si>
    <t>Journal of X-Ray Science and Technology</t>
  </si>
  <si>
    <t>0895-3996</t>
  </si>
  <si>
    <t>08953996</t>
  </si>
  <si>
    <t>Transferred to IOS Press as of 1997</t>
  </si>
  <si>
    <t>https://www.sciencedirect.com/science/journal/08953996</t>
  </si>
  <si>
    <t>Journal of Young Pharmacists</t>
  </si>
  <si>
    <t>0975-1483</t>
  </si>
  <si>
    <t>09751483</t>
  </si>
  <si>
    <t>08826</t>
  </si>
  <si>
    <t>https://www.sciencedirect.com/science/journal/09751483</t>
  </si>
  <si>
    <t>JSAE Review</t>
  </si>
  <si>
    <t>0389-4304</t>
  </si>
  <si>
    <t>03894304</t>
  </si>
  <si>
    <t>05403</t>
  </si>
  <si>
    <t>Transferred to the Society of Automotive Engineers of Japan as of 2004</t>
  </si>
  <si>
    <t>https://www.sciencedirect.com/science/journal/03894304</t>
  </si>
  <si>
    <t>JSAMS Plus</t>
  </si>
  <si>
    <t>2772-6967</t>
  </si>
  <si>
    <t>27726967</t>
  </si>
  <si>
    <t>31312</t>
  </si>
  <si>
    <t>https://www.sciencedirect.com/science/journal/27726967</t>
  </si>
  <si>
    <t>JSES International</t>
  </si>
  <si>
    <t>2666-6383</t>
  </si>
  <si>
    <t>26666383</t>
  </si>
  <si>
    <t>18398</t>
  </si>
  <si>
    <t>Formerly Known as JSES Open Access</t>
  </si>
  <si>
    <t>https://www.sciencedirect.com/science/journal/26666383</t>
  </si>
  <si>
    <t>JSES Reviews, Reports, and Techniques</t>
  </si>
  <si>
    <t>2666-6391</t>
  </si>
  <si>
    <t>26666391</t>
  </si>
  <si>
    <t>30399</t>
  </si>
  <si>
    <t>https://www.sciencedirect.com/science/journal/26666391</t>
  </si>
  <si>
    <t>JTCVS Open</t>
  </si>
  <si>
    <t>2666-2736</t>
  </si>
  <si>
    <t>26662736</t>
  </si>
  <si>
    <t>30267</t>
  </si>
  <si>
    <t>https://www.sciencedirect.com/science/journal/26662736</t>
  </si>
  <si>
    <t>JTCVS Techniques</t>
  </si>
  <si>
    <t>2666-2507</t>
  </si>
  <si>
    <t>26662507</t>
  </si>
  <si>
    <t>30268</t>
  </si>
  <si>
    <t>https://www.sciencedirect.com/science/journal/26662507</t>
  </si>
  <si>
    <t>JTO Clinical and Research Reports</t>
  </si>
  <si>
    <t>2666-3643</t>
  </si>
  <si>
    <t>26663643</t>
  </si>
  <si>
    <t>30321</t>
  </si>
  <si>
    <t>https://www.sciencedirect.com/science/journal/26663643</t>
  </si>
  <si>
    <t>JVS-Vascular Insights</t>
  </si>
  <si>
    <t>2949-9127</t>
  </si>
  <si>
    <t>29499127</t>
  </si>
  <si>
    <t>31593</t>
  </si>
  <si>
    <t>https://www.sciencedirect.com/science/journal/29499127</t>
  </si>
  <si>
    <t>JVS - Vascular Science</t>
  </si>
  <si>
    <t>2666-3503</t>
  </si>
  <si>
    <t>26663503</t>
  </si>
  <si>
    <t>30298</t>
  </si>
  <si>
    <t>https://www.sciencedirect.com/science/journal/26663503</t>
  </si>
  <si>
    <t>The Kaohsiung Journal of Medical Sciences</t>
  </si>
  <si>
    <t>1607-551X</t>
  </si>
  <si>
    <t>1607551X</t>
  </si>
  <si>
    <t>08593</t>
  </si>
  <si>
    <t>https://www.sciencedirect.com/science/journal/1607551X</t>
  </si>
  <si>
    <t>Karbala International Journal of Modern Science</t>
  </si>
  <si>
    <t>2405-609X</t>
  </si>
  <si>
    <t>2405609X</t>
  </si>
  <si>
    <t>18164</t>
  </si>
  <si>
    <t>Title hosted on Digital Commons as of 2019</t>
  </si>
  <si>
    <t>https://www.sciencedirect.com/science/journal/2405609X</t>
  </si>
  <si>
    <t>Kasetsart Journal of Social Sciences</t>
  </si>
  <si>
    <t>2452-3151</t>
  </si>
  <si>
    <t>24523151</t>
  </si>
  <si>
    <t>18199</t>
  </si>
  <si>
    <t>https://www.sciencedirect.com/science/journal/24523151</t>
  </si>
  <si>
    <t>Kidney International Reports</t>
  </si>
  <si>
    <t>2468-0249</t>
  </si>
  <si>
    <t>24680249</t>
  </si>
  <si>
    <t>18881</t>
  </si>
  <si>
    <t>https://www.sciencedirect.com/science/journal/24680249</t>
  </si>
  <si>
    <t>Kidney Medicine</t>
  </si>
  <si>
    <t>2590-0595</t>
  </si>
  <si>
    <t>25900595</t>
  </si>
  <si>
    <t>30012</t>
  </si>
  <si>
    <t>https://www.sciencedirect.com/science/journal/25900595</t>
  </si>
  <si>
    <t>Kidney Research and Clinical Practice</t>
  </si>
  <si>
    <t>2211-9132</t>
  </si>
  <si>
    <t>22119132</t>
  </si>
  <si>
    <t>08801</t>
  </si>
  <si>
    <t>https://www.sciencedirect.com/science/journal/22119132</t>
  </si>
  <si>
    <t>King Saud University Journal of Dental Sciences</t>
  </si>
  <si>
    <t>2210-8157</t>
  </si>
  <si>
    <t>22108157</t>
  </si>
  <si>
    <t>08736</t>
  </si>
  <si>
    <t>Continued as The Saudi Journal for Dental Research</t>
  </si>
  <si>
    <t>https://www.sciencedirect.com/science/journal/22108157</t>
  </si>
  <si>
    <t>Kontakt</t>
  </si>
  <si>
    <t>1212-4117</t>
  </si>
  <si>
    <t>12124117</t>
  </si>
  <si>
    <t>11013</t>
  </si>
  <si>
    <t>Transferred to Ivo Andrle as of 2019</t>
  </si>
  <si>
    <t>https://www.sciencedirect.com/science/journal/12124117</t>
  </si>
  <si>
    <t>JTCVS Structural and Endovascular</t>
  </si>
  <si>
    <t>2950-6050</t>
  </si>
  <si>
    <t>29506050</t>
  </si>
  <si>
    <t>31836</t>
  </si>
  <si>
    <t>https://www.sciencedirect.com/science/journal/29506050</t>
  </si>
  <si>
    <t>Kuwait Journal of Science</t>
  </si>
  <si>
    <t>2307-4108</t>
  </si>
  <si>
    <t>23074108</t>
  </si>
  <si>
    <t>31548</t>
  </si>
  <si>
    <t>https://www.sciencedirect.com/science/journal/23074108</t>
  </si>
  <si>
    <t>La Presse Médicale Open</t>
  </si>
  <si>
    <t>2590-2504</t>
  </si>
  <si>
    <t>25902504</t>
  </si>
  <si>
    <t>30112</t>
  </si>
  <si>
    <t>https://www.sciencedirect.com/science/journal/25902504</t>
  </si>
  <si>
    <t>LabMed Discovery</t>
  </si>
  <si>
    <t>3050-4740</t>
  </si>
  <si>
    <t>30504740</t>
  </si>
  <si>
    <t>31955</t>
  </si>
  <si>
    <t>https://www.sciencedirect.com/science/journal/30504740</t>
  </si>
  <si>
    <t>The Lancet Digital Health</t>
  </si>
  <si>
    <t>2589-7500</t>
  </si>
  <si>
    <t>25897500</t>
  </si>
  <si>
    <t>18451</t>
  </si>
  <si>
    <t>https://www.sciencedirect.com/science/journal/25897500</t>
  </si>
  <si>
    <t>The Lancet Global Health</t>
  </si>
  <si>
    <t>2214-109X</t>
  </si>
  <si>
    <t>2214109X</t>
  </si>
  <si>
    <t>17014</t>
  </si>
  <si>
    <t>https://www.sciencedirect.com/science/journal/2214109X</t>
  </si>
  <si>
    <t>The Lancet Healthy Longevity</t>
  </si>
  <si>
    <t>2666-7568</t>
  </si>
  <si>
    <t>26667568</t>
  </si>
  <si>
    <t>30431</t>
  </si>
  <si>
    <t>https://www.sciencedirect.com/science/journal/26667568</t>
  </si>
  <si>
    <t>The Lancet Microbe</t>
  </si>
  <si>
    <t>2666-5247</t>
  </si>
  <si>
    <t>26665247</t>
  </si>
  <si>
    <t>30338</t>
  </si>
  <si>
    <t>https://www.sciencedirect.com/science/journal/26665247</t>
  </si>
  <si>
    <t>The Lancet Planetary Health</t>
  </si>
  <si>
    <t>2542-5196</t>
  </si>
  <si>
    <t>25425196</t>
  </si>
  <si>
    <t>18390</t>
  </si>
  <si>
    <t>https://www.sciencedirect.com/science/journal/25425196</t>
  </si>
  <si>
    <t>The Lancet Primary Care</t>
  </si>
  <si>
    <t>3050-5143</t>
  </si>
  <si>
    <t>30505143</t>
  </si>
  <si>
    <t>31992</t>
  </si>
  <si>
    <t>https://www.sciencedirect.com/science/journal/30505143</t>
  </si>
  <si>
    <t>The Lancet Public Health</t>
  </si>
  <si>
    <t>2468-2667</t>
  </si>
  <si>
    <t>24682667</t>
  </si>
  <si>
    <t>18355</t>
  </si>
  <si>
    <t>https://www.sciencedirect.com/science/journal/24682667</t>
  </si>
  <si>
    <t>The Lancet Regional Health - Americas</t>
  </si>
  <si>
    <t>2667-193X</t>
  </si>
  <si>
    <t>2667193X</t>
  </si>
  <si>
    <t>31146</t>
  </si>
  <si>
    <t>https://www.sciencedirect.com/science/journal/2667193X</t>
  </si>
  <si>
    <t>The Lancet Regional Health - Europe</t>
  </si>
  <si>
    <t>2666-7762</t>
  </si>
  <si>
    <t>26667762</t>
  </si>
  <si>
    <t>30438</t>
  </si>
  <si>
    <t>https://www.sciencedirect.com/science/journal/26667762</t>
  </si>
  <si>
    <t>The Lancet Regional Health - Southeast Asia</t>
  </si>
  <si>
    <t>2772-3682</t>
  </si>
  <si>
    <t>27723682</t>
  </si>
  <si>
    <t>31205</t>
  </si>
  <si>
    <t>https://www.sciencedirect.com/science/journal/27723682</t>
  </si>
  <si>
    <t>The Lancet Regional Health - Western Pacific</t>
  </si>
  <si>
    <t>2666-6065</t>
  </si>
  <si>
    <t>26666065</t>
  </si>
  <si>
    <t>30370</t>
  </si>
  <si>
    <t>https://www.sciencedirect.com/science/journal/26666065</t>
  </si>
  <si>
    <t>Landscape Architecture and Sustainability</t>
  </si>
  <si>
    <t>3050-7324</t>
  </si>
  <si>
    <t>30507324</t>
  </si>
  <si>
    <t>32092</t>
  </si>
  <si>
    <t>https://www.sciencedirect.com/science/journal/30507324</t>
  </si>
  <si>
    <t>Language and Health</t>
  </si>
  <si>
    <t>2949-9038</t>
  </si>
  <si>
    <t>29499038</t>
  </si>
  <si>
    <t>31580</t>
  </si>
  <si>
    <t>https://www.sciencedirect.com/science/journal/29499038</t>
  </si>
  <si>
    <t>Laparoscopic, Endoscopic and Robotic Surgery</t>
  </si>
  <si>
    <t>2468-9009</t>
  </si>
  <si>
    <t>24689009</t>
  </si>
  <si>
    <t>18385</t>
  </si>
  <si>
    <t>https://www.sciencedirect.com/science/journal/24689009</t>
  </si>
  <si>
    <t>Latin American Journal of Central Banking</t>
  </si>
  <si>
    <t>2666-1438</t>
  </si>
  <si>
    <t>26661438</t>
  </si>
  <si>
    <t>30382</t>
  </si>
  <si>
    <t>https://www.sciencedirect.com/science/journal/26661438</t>
  </si>
  <si>
    <t>Latinoamérica. Revista de Estudios Latinoamericanos</t>
  </si>
  <si>
    <t>1665-8574</t>
  </si>
  <si>
    <t>16658574</t>
  </si>
  <si>
    <t>16870</t>
  </si>
  <si>
    <t>https://www.sciencedirect.com/science/journal/16658574</t>
  </si>
  <si>
    <t>Letters in Drug Design &amp; Discovery</t>
  </si>
  <si>
    <t>1570-1808</t>
  </si>
  <si>
    <t>15701808</t>
  </si>
  <si>
    <t>32122</t>
  </si>
  <si>
    <t>https://www.sciencedirect.com/science/journal/15701808</t>
  </si>
  <si>
    <t>Leukemia Research Reports</t>
  </si>
  <si>
    <t>2213-0489</t>
  </si>
  <si>
    <t>22130489</t>
  </si>
  <si>
    <t>10120</t>
  </si>
  <si>
    <t>https://www.sciencedirect.com/science/journal/22130489</t>
  </si>
  <si>
    <t>Library Acquisitions: Practice &amp; Theory</t>
  </si>
  <si>
    <t>0364-6408</t>
  </si>
  <si>
    <t>03646408</t>
  </si>
  <si>
    <t>00293</t>
  </si>
  <si>
    <t>Continued as Library Collections, Acquisitions, and Technical Services</t>
  </si>
  <si>
    <t>https://www.sciencedirect.com/science/journal/03646408</t>
  </si>
  <si>
    <t>Library Collections, Acquisitions, and Technical Services</t>
  </si>
  <si>
    <t>1464-9055</t>
  </si>
  <si>
    <t>14649055</t>
  </si>
  <si>
    <t>Formerly known as Library Acquisitions: Practice &amp; Theory; Transferred to Taylor &amp; Francis as of 2014</t>
  </si>
  <si>
    <t>https://www.sciencedirect.com/science/journal/14649055</t>
  </si>
  <si>
    <t>The Lichenologist</t>
  </si>
  <si>
    <t>0024-2829</t>
  </si>
  <si>
    <t>00242829</t>
  </si>
  <si>
    <t>12619</t>
  </si>
  <si>
    <t>Transferred to Cambridge University Press as of 2004</t>
  </si>
  <si>
    <t>https://www.sciencedirect.com/science/journal/00242829</t>
  </si>
  <si>
    <t>Literatura Mexicana</t>
  </si>
  <si>
    <t>0188-2546</t>
  </si>
  <si>
    <t>01882546</t>
  </si>
  <si>
    <t>16868</t>
  </si>
  <si>
    <t>https://www.sciencedirect.com/science/journal/01882546</t>
  </si>
  <si>
    <t>Liver Research</t>
  </si>
  <si>
    <t>2542-5684</t>
  </si>
  <si>
    <t>25425684</t>
  </si>
  <si>
    <t>18392</t>
  </si>
  <si>
    <t>https://www.sciencedirect.com/science/journal/25425684</t>
  </si>
  <si>
    <t>Liver Transplantation</t>
  </si>
  <si>
    <t>1527-6465</t>
  </si>
  <si>
    <t>15276465</t>
  </si>
  <si>
    <t>13072</t>
  </si>
  <si>
    <t>https://www.sciencedirect.com/science/journal/15276465</t>
  </si>
  <si>
    <t>Machine Learning with Applications</t>
  </si>
  <si>
    <t>2666-8270</t>
  </si>
  <si>
    <t>26668270</t>
  </si>
  <si>
    <t>30455</t>
  </si>
  <si>
    <t>https://www.sciencedirect.com/science/journal/26668270</t>
  </si>
  <si>
    <t>Magister</t>
  </si>
  <si>
    <t>0212-6796</t>
  </si>
  <si>
    <t>02126796</t>
  </si>
  <si>
    <t>15836</t>
  </si>
  <si>
    <t>https://www.sciencedirect.com/science/journal/02126796</t>
  </si>
  <si>
    <t>Magnetic Medicine</t>
  </si>
  <si>
    <t>2950-5844</t>
  </si>
  <si>
    <t>29505844</t>
  </si>
  <si>
    <t>31827</t>
  </si>
  <si>
    <t>https://www.sciencedirect.com/science/journal/29505844</t>
  </si>
  <si>
    <t>Magnetic Resonance Materials in Physics, Biology and Medicine</t>
  </si>
  <si>
    <t>1352-8661</t>
  </si>
  <si>
    <t>13528661</t>
  </si>
  <si>
    <t>05537</t>
  </si>
  <si>
    <t>Transferred to Springer Verlag as of 2003</t>
  </si>
  <si>
    <t>https://www.sciencedirect.com/science/journal/13528661</t>
  </si>
  <si>
    <t>Mammalian Biology</t>
  </si>
  <si>
    <t>1616-5047</t>
  </si>
  <si>
    <t>16165047</t>
  </si>
  <si>
    <t>10034</t>
  </si>
  <si>
    <t>https://www.sciencedirect.com/science/journal/16165047</t>
  </si>
  <si>
    <t>Manual Therapy</t>
  </si>
  <si>
    <t>1356-689X</t>
  </si>
  <si>
    <t>1356689X</t>
  </si>
  <si>
    <t>12750</t>
  </si>
  <si>
    <t>Continued as Musculoskeletal Science and Practice</t>
  </si>
  <si>
    <t>https://www.sciencedirect.com/science/journal/1356689X</t>
  </si>
  <si>
    <t>Maritime Transport Research</t>
  </si>
  <si>
    <t>2666-822X</t>
  </si>
  <si>
    <t>2666822X</t>
  </si>
  <si>
    <t>30459</t>
  </si>
  <si>
    <t>https://www.sciencedirect.com/science/journal/2666822X</t>
  </si>
  <si>
    <t>Mass Gathering Medicine</t>
  </si>
  <si>
    <t>3050-4562</t>
  </si>
  <si>
    <t>30504562</t>
  </si>
  <si>
    <t>31954</t>
  </si>
  <si>
    <t>https://www.sciencedirect.com/science/journal/30504562</t>
  </si>
  <si>
    <t>Materials Letters: X</t>
  </si>
  <si>
    <t>2590-1508</t>
  </si>
  <si>
    <t>25901508</t>
  </si>
  <si>
    <t>18466</t>
  </si>
  <si>
    <t>https://www.sciencedirect.com/science/journal/25901508</t>
  </si>
  <si>
    <t>Materials Reports: Energy</t>
  </si>
  <si>
    <t>2666-9358</t>
  </si>
  <si>
    <t>26669358</t>
  </si>
  <si>
    <t>31028</t>
  </si>
  <si>
    <t>https://www.sciencedirect.com/science/journal/26669358</t>
  </si>
  <si>
    <t>Materials Science for Energy Technologies</t>
  </si>
  <si>
    <t>2589-2991</t>
  </si>
  <si>
    <t>25892991</t>
  </si>
  <si>
    <t>18425</t>
  </si>
  <si>
    <t>https://www.sciencedirect.com/science/journal/25892991</t>
  </si>
  <si>
    <t>Materials Today Advances</t>
  </si>
  <si>
    <t>2590-0498</t>
  </si>
  <si>
    <t>25900498</t>
  </si>
  <si>
    <t>30035</t>
  </si>
  <si>
    <t>https://www.sciencedirect.com/science/journal/25900498</t>
  </si>
  <si>
    <t>Materials Today Bio</t>
  </si>
  <si>
    <t>2590-0064</t>
  </si>
  <si>
    <t>25900064</t>
  </si>
  <si>
    <t>30005</t>
  </si>
  <si>
    <t>https://www.sciencedirect.com/science/journal/25900064</t>
  </si>
  <si>
    <t>Materials Today Catalysis</t>
  </si>
  <si>
    <t>2949-754X</t>
  </si>
  <si>
    <t>2949754X</t>
  </si>
  <si>
    <t>31502</t>
  </si>
  <si>
    <t>https://www.sciencedirect.com/science/journal/2949754X</t>
  </si>
  <si>
    <t>Materials Today Electronics</t>
  </si>
  <si>
    <t>2772-9494</t>
  </si>
  <si>
    <t>27729494</t>
  </si>
  <si>
    <t>31378</t>
  </si>
  <si>
    <t>https://www.sciencedirect.com/science/journal/27729494</t>
  </si>
  <si>
    <t>Materials Today Quantum</t>
  </si>
  <si>
    <t>2950-2578</t>
  </si>
  <si>
    <t>29502578</t>
  </si>
  <si>
    <t>31698</t>
  </si>
  <si>
    <t>https://www.sciencedirect.com/science/journal/29502578</t>
  </si>
  <si>
    <t>Matrix Biology Plus</t>
  </si>
  <si>
    <t>2590-0285</t>
  </si>
  <si>
    <t>25900285</t>
  </si>
  <si>
    <t>18448</t>
  </si>
  <si>
    <t>https://www.sciencedirect.com/science/journal/25900285</t>
  </si>
  <si>
    <t>Matter and Radiation at Extremes</t>
  </si>
  <si>
    <t>2468-080X</t>
  </si>
  <si>
    <t>2468080X</t>
  </si>
  <si>
    <t>18322</t>
  </si>
  <si>
    <t>Transferred to AIP Publishing as of 2019</t>
  </si>
  <si>
    <t>https://www.sciencedirect.com/science/journal/2468080X</t>
  </si>
  <si>
    <t>Mayo Clinic Proceedings: Digital Health</t>
  </si>
  <si>
    <t>2949-7612</t>
  </si>
  <si>
    <t>29497612</t>
  </si>
  <si>
    <t>31516</t>
  </si>
  <si>
    <t>https://www.sciencedirect.com/science/journal/29497612</t>
  </si>
  <si>
    <t>Mayo Clinic Proceedings: Innovations, Quality &amp; Outcomes</t>
  </si>
  <si>
    <t>2542-4548</t>
  </si>
  <si>
    <t>25424548</t>
  </si>
  <si>
    <t>18903</t>
  </si>
  <si>
    <t>https://www.sciencedirect.com/science/journal/25424548</t>
  </si>
  <si>
    <t>Measurement: Energy</t>
  </si>
  <si>
    <t>2950-3450</t>
  </si>
  <si>
    <t>29503450</t>
  </si>
  <si>
    <t>31752</t>
  </si>
  <si>
    <t>https://www.sciencedirect.com/science/journal/29503450</t>
  </si>
  <si>
    <t>Measurement and Evaluations in Cancer Care</t>
  </si>
  <si>
    <t>2949-8775</t>
  </si>
  <si>
    <t>29498775</t>
  </si>
  <si>
    <t>31571</t>
  </si>
  <si>
    <t>https://www.sciencedirect.com/science/journal/29498775</t>
  </si>
  <si>
    <t>Measurement: Food</t>
  </si>
  <si>
    <t>2772-2759</t>
  </si>
  <si>
    <t>27722759</t>
  </si>
  <si>
    <t>31193</t>
  </si>
  <si>
    <t>https://www.sciencedirect.com/science/journal/27722759</t>
  </si>
  <si>
    <t>Measurement: Digitalization</t>
  </si>
  <si>
    <t>3050-6441</t>
  </si>
  <si>
    <t>30506441</t>
  </si>
  <si>
    <t>32061</t>
  </si>
  <si>
    <t>https://www.sciencedirect.com/science/journal/30506441</t>
  </si>
  <si>
    <t>Mécanique &amp; Industries</t>
  </si>
  <si>
    <t>1296-2139</t>
  </si>
  <si>
    <t>12962139</t>
  </si>
  <si>
    <t>09077</t>
  </si>
  <si>
    <t>https://www.sciencedirect.com/science/journal/12962139</t>
  </si>
  <si>
    <t>Mechanobiology in Medicine</t>
  </si>
  <si>
    <t>2949-9070</t>
  </si>
  <si>
    <t>29499070</t>
  </si>
  <si>
    <t>31583</t>
  </si>
  <si>
    <t>https://www.sciencedirect.com/science/journal/29499070</t>
  </si>
  <si>
    <t>Medical Engineering &amp; Physics</t>
  </si>
  <si>
    <t>1350-4533</t>
  </si>
  <si>
    <t>13504533</t>
  </si>
  <si>
    <t>03068</t>
  </si>
  <si>
    <t>Formerly known as Journal of Biomedical Engineering</t>
  </si>
  <si>
    <t>https://www.sciencedirect.com/science/journal/13504533</t>
  </si>
  <si>
    <t>Medical Mycology Case Reports</t>
  </si>
  <si>
    <t>2211-7539</t>
  </si>
  <si>
    <t>22117539</t>
  </si>
  <si>
    <t>08797</t>
  </si>
  <si>
    <t>https://www.sciencedirect.com/science/journal/22117539</t>
  </si>
  <si>
    <t>Medical Reports</t>
  </si>
  <si>
    <t>2949-9186</t>
  </si>
  <si>
    <t>29499186</t>
  </si>
  <si>
    <t>31599</t>
  </si>
  <si>
    <t>https://www.sciencedirect.com/science/journal/29499186</t>
  </si>
  <si>
    <t>Medicina</t>
  </si>
  <si>
    <t>1010-660X</t>
  </si>
  <si>
    <t>1010660X</t>
  </si>
  <si>
    <t>11021</t>
  </si>
  <si>
    <t>Transferred to MDPI as of 2019</t>
  </si>
  <si>
    <t>https://www.sciencedirect.com/science/journal/1010660X</t>
  </si>
  <si>
    <t>Medicina Clínica Práctica</t>
  </si>
  <si>
    <t>2603-9249</t>
  </si>
  <si>
    <t>26039249</t>
  </si>
  <si>
    <t>16459</t>
  </si>
  <si>
    <t>https://www.sciencedirect.com/science/journal/26039249</t>
  </si>
  <si>
    <t>Medicina General y de Familia</t>
  </si>
  <si>
    <t>1889-5433</t>
  </si>
  <si>
    <t>18895433</t>
  </si>
  <si>
    <t>16372</t>
  </si>
  <si>
    <t>https://www.sciencedirect.com/science/journal/18895433</t>
  </si>
  <si>
    <t>Medicina Paliativa</t>
  </si>
  <si>
    <t>1134-248X</t>
  </si>
  <si>
    <t>1134248X</t>
  </si>
  <si>
    <t>15964</t>
  </si>
  <si>
    <t>Transferred to inspira Network as of 2019</t>
  </si>
  <si>
    <t>https://www.sciencedirect.com/science/journal/1134248X</t>
  </si>
  <si>
    <t>Medicina Reproductiva y Embriología Clínica</t>
  </si>
  <si>
    <t>2340-9320</t>
  </si>
  <si>
    <t>23409320</t>
  </si>
  <si>
    <t>16828</t>
  </si>
  <si>
    <t>https://www.sciencedirect.com/science/journal/23409320</t>
  </si>
  <si>
    <t>Medicina Universitaria</t>
  </si>
  <si>
    <t>1665-5796</t>
  </si>
  <si>
    <t>16655796</t>
  </si>
  <si>
    <t>14362</t>
  </si>
  <si>
    <t>https://www.sciencedirect.com/science/journal/16655796</t>
  </si>
  <si>
    <t>Medicine in Drug Discovery</t>
  </si>
  <si>
    <t>2590-0986</t>
  </si>
  <si>
    <t>25900986</t>
  </si>
  <si>
    <t>30064</t>
  </si>
  <si>
    <t>https://www.sciencedirect.com/science/journal/25900986</t>
  </si>
  <si>
    <t>Medicine in Novel Technology and Devices</t>
  </si>
  <si>
    <t>2590-0935</t>
  </si>
  <si>
    <t>25900935</t>
  </si>
  <si>
    <t>30063</t>
  </si>
  <si>
    <t>https://www.sciencedirect.com/science/journal/25900935</t>
  </si>
  <si>
    <t>Medicine in Omics</t>
  </si>
  <si>
    <t>2590-1249</t>
  </si>
  <si>
    <t>25901249</t>
  </si>
  <si>
    <t>30051</t>
  </si>
  <si>
    <t>https://www.sciencedirect.com/science/journal/25901249</t>
  </si>
  <si>
    <t>Medicine Plus</t>
  </si>
  <si>
    <t>2950-3477</t>
  </si>
  <si>
    <t>29503477</t>
  </si>
  <si>
    <t>31747</t>
  </si>
  <si>
    <t>https://www.sciencedirect.com/science/journal/29503477</t>
  </si>
  <si>
    <t>Membrane Technology</t>
  </si>
  <si>
    <t>0958-2118</t>
  </si>
  <si>
    <t>09582118</t>
  </si>
  <si>
    <t>02095</t>
  </si>
  <si>
    <t>https://www.sciencedirect.com/science/journal/09582118</t>
  </si>
  <si>
    <t>Memories - Materials, Devices, Circuits and Systems</t>
  </si>
  <si>
    <t>2773-0646</t>
  </si>
  <si>
    <t>27730646</t>
  </si>
  <si>
    <t>31428</t>
  </si>
  <si>
    <t>https://www.sciencedirect.com/science/journal/27730646</t>
  </si>
  <si>
    <t>Meta Plants</t>
  </si>
  <si>
    <t>3117-8235</t>
  </si>
  <si>
    <t>31178235</t>
  </si>
  <si>
    <t>32367</t>
  </si>
  <si>
    <t>https://www.sciencedirect.com/science/journal/31178235</t>
  </si>
  <si>
    <t>Metabolic Engineering Communications</t>
  </si>
  <si>
    <t>2214-0301</t>
  </si>
  <si>
    <t>22140301</t>
  </si>
  <si>
    <t>10183</t>
  </si>
  <si>
    <t>https://www.sciencedirect.com/science/journal/22140301</t>
  </si>
  <si>
    <t>Metabolism Open</t>
  </si>
  <si>
    <t>2589-9368</t>
  </si>
  <si>
    <t>25899368</t>
  </si>
  <si>
    <t>18940</t>
  </si>
  <si>
    <t>https://www.sciencedirect.com/science/journal/25899368</t>
  </si>
  <si>
    <t>Metal Powder Report</t>
  </si>
  <si>
    <t>0026-0657</t>
  </si>
  <si>
    <t>00260657</t>
  </si>
  <si>
    <t>02097</t>
  </si>
  <si>
    <t>https://www.sciencedirect.com/science/journal/00260657</t>
  </si>
  <si>
    <t>Meta-Radiology</t>
  </si>
  <si>
    <t>2950-1628</t>
  </si>
  <si>
    <t>29501628</t>
  </si>
  <si>
    <t>31648</t>
  </si>
  <si>
    <t>https://www.sciencedirect.com/science/journal/29501628</t>
  </si>
  <si>
    <t>Methods in Psychology</t>
  </si>
  <si>
    <t>2590-2601</t>
  </si>
  <si>
    <t>25902601</t>
  </si>
  <si>
    <t>30115</t>
  </si>
  <si>
    <t>https://www.sciencedirect.com/science/journal/25902601</t>
  </si>
  <si>
    <t>MethodsX</t>
  </si>
  <si>
    <t>2215-0161</t>
  </si>
  <si>
    <t>22150161</t>
  </si>
  <si>
    <t>17063</t>
  </si>
  <si>
    <t>https://www.sciencedirect.com/science/journal/22150161</t>
  </si>
  <si>
    <t>Mexican Law Review</t>
  </si>
  <si>
    <t>1870-0578</t>
  </si>
  <si>
    <t>18700578</t>
  </si>
  <si>
    <t>16362</t>
  </si>
  <si>
    <t>https://www.sciencedirect.com/science/journal/18700578</t>
  </si>
  <si>
    <t>Micro and Nano Engineering</t>
  </si>
  <si>
    <t>2590-0072</t>
  </si>
  <si>
    <t>25900072</t>
  </si>
  <si>
    <t>30004</t>
  </si>
  <si>
    <t>https://www.sciencedirect.com/science/journal/25900072</t>
  </si>
  <si>
    <t>The Microbe</t>
  </si>
  <si>
    <t>2950-1946</t>
  </si>
  <si>
    <t>29501946</t>
  </si>
  <si>
    <t>31654</t>
  </si>
  <si>
    <t>https://www.sciencedirect.com/science/journal/29501946</t>
  </si>
  <si>
    <t>Middle East Fertility Society Journal</t>
  </si>
  <si>
    <t>1110-5690</t>
  </si>
  <si>
    <t>11105690</t>
  </si>
  <si>
    <t>08714</t>
  </si>
  <si>
    <t>https://www.sciencedirect.com/science/journal/11105690</t>
  </si>
  <si>
    <t>Mindfulness &amp; Compassion</t>
  </si>
  <si>
    <t>2445-4079</t>
  </si>
  <si>
    <t>24454079</t>
  </si>
  <si>
    <t>16437</t>
  </si>
  <si>
    <t>https://www.sciencedirect.com/science/journal/24454079</t>
  </si>
  <si>
    <t>Mitochondrial Communications</t>
  </si>
  <si>
    <t>2590-2792</t>
  </si>
  <si>
    <t>25902792</t>
  </si>
  <si>
    <t>30118</t>
  </si>
  <si>
    <t>https://www.sciencedirect.com/science/journal/25902792</t>
  </si>
  <si>
    <t>Model Organisms Research</t>
  </si>
  <si>
    <t>3117-8170</t>
  </si>
  <si>
    <t>31178170</t>
  </si>
  <si>
    <t>32360</t>
  </si>
  <si>
    <t>https://www.sciencedirect.com/science/journal/31178170</t>
  </si>
  <si>
    <t>Modern Electronic Materials</t>
  </si>
  <si>
    <t>2452-1779</t>
  </si>
  <si>
    <t>24521779</t>
  </si>
  <si>
    <t>18288</t>
  </si>
  <si>
    <t>https://www.sciencedirect.com/science/journal/24521779</t>
  </si>
  <si>
    <t>Molecular &amp; Cellular Proteomics</t>
  </si>
  <si>
    <t>1535-9476</t>
  </si>
  <si>
    <t>15359476</t>
  </si>
  <si>
    <t>31049</t>
  </si>
  <si>
    <t>https://www.sciencedirect.com/science/journal/15359476</t>
  </si>
  <si>
    <t>Molecular Chemistry &amp; Engineering</t>
  </si>
  <si>
    <t>3050-7960</t>
  </si>
  <si>
    <t>30507960</t>
  </si>
  <si>
    <t>32100</t>
  </si>
  <si>
    <t>https://www.sciencedirect.com/science/journal/30507960</t>
  </si>
  <si>
    <t>Molecular Genetics and Metabolism Reports</t>
  </si>
  <si>
    <t>2214-4269</t>
  </si>
  <si>
    <t>22144269</t>
  </si>
  <si>
    <t>14154</t>
  </si>
  <si>
    <t>https://www.sciencedirect.com/science/journal/22144269</t>
  </si>
  <si>
    <t>Molecular Imaging &amp; Biology</t>
  </si>
  <si>
    <t>1536-1632</t>
  </si>
  <si>
    <t>15361632</t>
  </si>
  <si>
    <t>Formerly known as Clinical Positron Imaging; transferred to the Academy of Molecular Imaging as of 2005</t>
  </si>
  <si>
    <t>https://www.sciencedirect.com/science/journal/15361632</t>
  </si>
  <si>
    <t>Molecular Metabolism</t>
  </si>
  <si>
    <t>2212-8778</t>
  </si>
  <si>
    <t>22128778</t>
  </si>
  <si>
    <t>10507</t>
  </si>
  <si>
    <t>https://www.sciencedirect.com/science/journal/22128778</t>
  </si>
  <si>
    <t>Molecular Oncology</t>
  </si>
  <si>
    <t>1574-7891</t>
  </si>
  <si>
    <t>15747891</t>
  </si>
  <si>
    <t>06068</t>
  </si>
  <si>
    <t>Transferred to John Wiley &amp; Sons as of 2017</t>
  </si>
  <si>
    <t>https://www.sciencedirect.com/science/journal/15747891</t>
  </si>
  <si>
    <t>Molecular Therapy - Methods &amp; Clinical Development</t>
  </si>
  <si>
    <t>2329-0501</t>
  </si>
  <si>
    <t>23290501</t>
  </si>
  <si>
    <t>18892</t>
  </si>
  <si>
    <t>https://www.sciencedirect.com/science/journal/23290501</t>
  </si>
  <si>
    <t>Molecular Therapy - Nucleic Acids</t>
  </si>
  <si>
    <t>2162-2531</t>
  </si>
  <si>
    <t>21622531</t>
  </si>
  <si>
    <t>18891</t>
  </si>
  <si>
    <t>https://www.sciencedirect.com/science/journal/21622531</t>
  </si>
  <si>
    <t>Molecular Therapy - Oncolytics</t>
  </si>
  <si>
    <t>2372-7705</t>
  </si>
  <si>
    <t>23727705</t>
  </si>
  <si>
    <t>18888</t>
  </si>
  <si>
    <t>https://www.sciencedirect.com/science/journal/23727705</t>
  </si>
  <si>
    <t>Molecular Therapy: Oncology</t>
  </si>
  <si>
    <t>2950-3299</t>
  </si>
  <si>
    <t>29503299</t>
  </si>
  <si>
    <t>https://www.sciencedirect.com/science/journal/29503299</t>
  </si>
  <si>
    <t>Molecules and Cells</t>
  </si>
  <si>
    <t>1016-8478</t>
  </si>
  <si>
    <t>10168478</t>
  </si>
  <si>
    <t>31652</t>
  </si>
  <si>
    <t>https://www.sciencedirect.com/science/journal/10168478</t>
  </si>
  <si>
    <t>Mucosal Immunology</t>
  </si>
  <si>
    <t>1933-0219</t>
  </si>
  <si>
    <t>19330219</t>
  </si>
  <si>
    <t>31510</t>
  </si>
  <si>
    <t>https://www.sciencedirect.com/science/journal/19330219</t>
  </si>
  <si>
    <t>Multimodal Transportation</t>
  </si>
  <si>
    <t>2772-5863</t>
  </si>
  <si>
    <t>27725863</t>
  </si>
  <si>
    <t>31274</t>
  </si>
  <si>
    <t>https://www.sciencedirect.com/science/journal/27725863</t>
  </si>
  <si>
    <t>Museum Management and Curatorship</t>
  </si>
  <si>
    <t>0964-7775</t>
  </si>
  <si>
    <t>09647775</t>
  </si>
  <si>
    <t>Formerly known as International Journal of Museum Management and Curatorship; transferred to Taylor &amp; Francis as of 2007</t>
  </si>
  <si>
    <t>https://www.sciencedirect.com/science/journal/09647775</t>
  </si>
  <si>
    <t>Mycoscience</t>
  </si>
  <si>
    <t>1340-3540</t>
  </si>
  <si>
    <t>13403540</t>
  </si>
  <si>
    <t>10141</t>
  </si>
  <si>
    <t>Transferred to Professor Kiminori Shimizu Mycological Society as of 2021</t>
  </si>
  <si>
    <t>https://www.sciencedirect.com/science/journal/13403540</t>
  </si>
  <si>
    <t>Nano Biomedicine and Engineering</t>
  </si>
  <si>
    <t>2150-5578</t>
  </si>
  <si>
    <t>21505578</t>
  </si>
  <si>
    <t>32203</t>
  </si>
  <si>
    <t>https://www.sciencedirect.com/science/journal/21505578</t>
  </si>
  <si>
    <t>Nano Materials Science</t>
  </si>
  <si>
    <t>2589-9651</t>
  </si>
  <si>
    <t>25899651</t>
  </si>
  <si>
    <t>30001</t>
  </si>
  <si>
    <t>https://www.sciencedirect.com/science/journal/25899651</t>
  </si>
  <si>
    <t>Nano TransMed</t>
  </si>
  <si>
    <t>2790-6760</t>
  </si>
  <si>
    <t>27906760</t>
  </si>
  <si>
    <t>31720</t>
  </si>
  <si>
    <t>https://www.sciencedirect.com/science/journal/27906760</t>
  </si>
  <si>
    <t>Nano Trends</t>
  </si>
  <si>
    <t>2666-9781</t>
  </si>
  <si>
    <t>26669781</t>
  </si>
  <si>
    <t>31054</t>
  </si>
  <si>
    <t>https://www.sciencedirect.com/science/journal/26669781</t>
  </si>
  <si>
    <t>Nanotechnology and Precision Engineering</t>
  </si>
  <si>
    <t>2589-5540</t>
  </si>
  <si>
    <t>25895540</t>
  </si>
  <si>
    <t>18436</t>
  </si>
  <si>
    <t>Transferred to Bridget D’Amelio AIP Publishing as of 2021</t>
  </si>
  <si>
    <t>https://www.sciencedirect.com/science/journal/25895540</t>
  </si>
  <si>
    <t>Natural Gas Industry B</t>
  </si>
  <si>
    <t>2352-8540</t>
  </si>
  <si>
    <t>23528540</t>
  </si>
  <si>
    <t>18118</t>
  </si>
  <si>
    <t>https://www.sciencedirect.com/science/journal/23528540</t>
  </si>
  <si>
    <t>Natural Hazards Research</t>
  </si>
  <si>
    <t>2666-5921</t>
  </si>
  <si>
    <t>26665921</t>
  </si>
  <si>
    <t>30381</t>
  </si>
  <si>
    <t>https://www.sciencedirect.com/science/journal/26665921</t>
  </si>
  <si>
    <t>Natural Language Processing Journal</t>
  </si>
  <si>
    <t>2949-7191</t>
  </si>
  <si>
    <t>29497191</t>
  </si>
  <si>
    <t>31494</t>
  </si>
  <si>
    <t>https://www.sciencedirect.com/science/journal/29497191</t>
  </si>
  <si>
    <t>Nature-Based Solutions</t>
  </si>
  <si>
    <t>2772-4115</t>
  </si>
  <si>
    <t>27724115</t>
  </si>
  <si>
    <t>31230</t>
  </si>
  <si>
    <t>https://www.sciencedirect.com/science/journal/27724115</t>
  </si>
  <si>
    <t>Natures Sciences Sociétés</t>
  </si>
  <si>
    <t>1240-1307</t>
  </si>
  <si>
    <t>12401307</t>
  </si>
  <si>
    <t>89139</t>
  </si>
  <si>
    <t>https://www.sciencedirect.com/science/journal/12401307</t>
  </si>
  <si>
    <t>Natureza &amp; Conservação</t>
  </si>
  <si>
    <t>1679-0073</t>
  </si>
  <si>
    <t>16790073</t>
  </si>
  <si>
    <t>15908</t>
  </si>
  <si>
    <t>Continued as Perspectives in Ecology and Conservation</t>
  </si>
  <si>
    <t>https://www.sciencedirect.com/science/journal/16790073</t>
  </si>
  <si>
    <t>Nefrología</t>
  </si>
  <si>
    <t>0211-6995</t>
  </si>
  <si>
    <t>02116995</t>
  </si>
  <si>
    <t>16374</t>
  </si>
  <si>
    <t>https://www.sciencedirect.com/science/journal/02116995</t>
  </si>
  <si>
    <t>Nefrología (English Edition)</t>
  </si>
  <si>
    <t>2013-2514</t>
  </si>
  <si>
    <t>20132514</t>
  </si>
  <si>
    <t>16375</t>
  </si>
  <si>
    <t>https://www.sciencedirect.com/science/journal/20132514</t>
  </si>
  <si>
    <t>Nefrología Latinoamericana</t>
  </si>
  <si>
    <t>2444-9032</t>
  </si>
  <si>
    <t>24449032</t>
  </si>
  <si>
    <t>16431</t>
  </si>
  <si>
    <t>https://www.sciencedirect.com/science/journal/24449032</t>
  </si>
  <si>
    <t>NefroPlus</t>
  </si>
  <si>
    <t>1888-9700</t>
  </si>
  <si>
    <t>18889700</t>
  </si>
  <si>
    <t>31953</t>
  </si>
  <si>
    <t>https://www.sciencedirect.com/science/journal/18889700</t>
  </si>
  <si>
    <t>Neoplasia</t>
  </si>
  <si>
    <t>1476-5586</t>
  </si>
  <si>
    <t>14765586</t>
  </si>
  <si>
    <t>14193</t>
  </si>
  <si>
    <t>https://www.sciencedirect.com/science/journal/14765586</t>
  </si>
  <si>
    <t>Néphrologie &amp; Thérapeutique</t>
  </si>
  <si>
    <t>1769-7255</t>
  </si>
  <si>
    <t>17697255</t>
  </si>
  <si>
    <t>09354</t>
  </si>
  <si>
    <t>Transferred back to the society as of 2023</t>
  </si>
  <si>
    <t>https://www.sciencedirect.com/science/journal/17697255</t>
  </si>
  <si>
    <t>The Netherlands Journal of Medicine</t>
  </si>
  <si>
    <t>0300-2977</t>
  </si>
  <si>
    <t>03002977</t>
  </si>
  <si>
    <t>05119</t>
  </si>
  <si>
    <t>Transferred to Van Zuiden Communications as of 2002</t>
  </si>
  <si>
    <t>https://www.sciencedirect.com/science/journal/03002977</t>
  </si>
  <si>
    <t>Network Security</t>
  </si>
  <si>
    <t>1353-4858</t>
  </si>
  <si>
    <t>13534858</t>
  </si>
  <si>
    <t>02158</t>
  </si>
  <si>
    <t>https://www.sciencedirect.com/science/journal/13534858</t>
  </si>
  <si>
    <t>Neural Regeneration Research</t>
  </si>
  <si>
    <t>1673-5374</t>
  </si>
  <si>
    <t>16735374</t>
  </si>
  <si>
    <t>08619</t>
  </si>
  <si>
    <t>Title no longer published by Elsevier as of October 2007</t>
  </si>
  <si>
    <t>https://www.sciencedirect.com/science/journal/16735374</t>
  </si>
  <si>
    <t>Neurobiology of Pain</t>
  </si>
  <si>
    <t>2452-073X</t>
  </si>
  <si>
    <t>2452073X</t>
  </si>
  <si>
    <t>18890</t>
  </si>
  <si>
    <t>https://www.sciencedirect.com/science/journal/2452073X</t>
  </si>
  <si>
    <t>Neurobiology of Sleep and Circadian Rhythms</t>
  </si>
  <si>
    <t>2451-9944</t>
  </si>
  <si>
    <t>24519944</t>
  </si>
  <si>
    <t>18856</t>
  </si>
  <si>
    <t>https://www.sciencedirect.com/science/journal/24519944</t>
  </si>
  <si>
    <t>Neurobiology of Stress</t>
  </si>
  <si>
    <t>2352-2895</t>
  </si>
  <si>
    <t>23522895</t>
  </si>
  <si>
    <t>18751</t>
  </si>
  <si>
    <t>https://www.sciencedirect.com/science/journal/23522895</t>
  </si>
  <si>
    <t>Neuroepigenetics</t>
  </si>
  <si>
    <t>2214-7845</t>
  </si>
  <si>
    <t>22147845</t>
  </si>
  <si>
    <t>18781</t>
  </si>
  <si>
    <t>https://www.sciencedirect.com/science/journal/22147845</t>
  </si>
  <si>
    <t>NeuroImage: Clinical</t>
  </si>
  <si>
    <t>2213-1582</t>
  </si>
  <si>
    <t>22131582</t>
  </si>
  <si>
    <t>13463</t>
  </si>
  <si>
    <t>https://www.sciencedirect.com/science/journal/22131582</t>
  </si>
  <si>
    <t>Neuroimage: Reports</t>
  </si>
  <si>
    <t>2666-9560</t>
  </si>
  <si>
    <t>26669560</t>
  </si>
  <si>
    <t>31037</t>
  </si>
  <si>
    <t>https://www.sciencedirect.com/science/journal/26669560</t>
  </si>
  <si>
    <t>Neuroimmunology Reports</t>
  </si>
  <si>
    <t>2667-257X</t>
  </si>
  <si>
    <t>2667257X</t>
  </si>
  <si>
    <t>31154</t>
  </si>
  <si>
    <t>https://www.sciencedirect.com/science/journal/2667257X</t>
  </si>
  <si>
    <t>Neurologia i Neurochirurgia Polska</t>
  </si>
  <si>
    <t>0028-3843</t>
  </si>
  <si>
    <t>00283843</t>
  </si>
  <si>
    <t>11017</t>
  </si>
  <si>
    <t>Transferred to Via Medica as of 2019</t>
  </si>
  <si>
    <t>https://www.sciencedirect.com/science/journal/00283843</t>
  </si>
  <si>
    <t>Neurology Perspectives</t>
  </si>
  <si>
    <t>2667-0496</t>
  </si>
  <si>
    <t>26670496</t>
  </si>
  <si>
    <t>31090</t>
  </si>
  <si>
    <t>https://www.sciencedirect.com/science/journal/26670496</t>
  </si>
  <si>
    <t>NeuroMarkers</t>
  </si>
  <si>
    <t>2950-5887</t>
  </si>
  <si>
    <t>29505887</t>
  </si>
  <si>
    <t>31832</t>
  </si>
  <si>
    <t>https://www.sciencedirect.com/science/journal/29505887</t>
  </si>
  <si>
    <t>Neuropsychopharmacology</t>
  </si>
  <si>
    <t>0893-133X</t>
  </si>
  <si>
    <t>0893133X</t>
  </si>
  <si>
    <t>07748</t>
  </si>
  <si>
    <t>Transferred to Nature Publishing Group as of 2003</t>
  </si>
  <si>
    <t>https://www.sciencedirect.com/science/journal/0893133X</t>
  </si>
  <si>
    <t>NeuroRX</t>
  </si>
  <si>
    <t>1545-5343</t>
  </si>
  <si>
    <t>15455343</t>
  </si>
  <si>
    <t>14030</t>
  </si>
  <si>
    <t>Continued as Neurotherapeutics</t>
  </si>
  <si>
    <t>https://www.sciencedirect.com/science/journal/15455343</t>
  </si>
  <si>
    <t>Neuroscience Applied</t>
  </si>
  <si>
    <t>2772-4085</t>
  </si>
  <si>
    <t>27724085</t>
  </si>
  <si>
    <t>31232</t>
  </si>
  <si>
    <t>https://www.sciencedirect.com/science/journal/27724085</t>
  </si>
  <si>
    <t>Neuroscience Informatics</t>
  </si>
  <si>
    <t>2772-5286</t>
  </si>
  <si>
    <t>27725286</t>
  </si>
  <si>
    <t>31258</t>
  </si>
  <si>
    <t>https://www.sciencedirect.com/science/journal/27725286</t>
  </si>
  <si>
    <t>New Crops</t>
  </si>
  <si>
    <t>2949-9526</t>
  </si>
  <si>
    <t>29499526</t>
  </si>
  <si>
    <t>31620</t>
  </si>
  <si>
    <t>https://www.sciencedirect.com/science/journal/29499526</t>
  </si>
  <si>
    <t>New Horizons in Clinical Case Reports</t>
  </si>
  <si>
    <t>2352-9482</t>
  </si>
  <si>
    <t>23529482</t>
  </si>
  <si>
    <t>18150</t>
  </si>
  <si>
    <t>Transferred to Ubiquity Press Ltd as of 2018</t>
  </si>
  <si>
    <t>https://www.sciencedirect.com/science/journal/23529482</t>
  </si>
  <si>
    <t>New Horizons in Translational Medicine</t>
  </si>
  <si>
    <t>2307-5023</t>
  </si>
  <si>
    <t>23075023</t>
  </si>
  <si>
    <t>18108</t>
  </si>
  <si>
    <t>https://www.sciencedirect.com/science/journal/23075023</t>
  </si>
  <si>
    <t>New Microbes and New Infections</t>
  </si>
  <si>
    <t>2052-2975</t>
  </si>
  <si>
    <t>20522975</t>
  </si>
  <si>
    <t>18104</t>
  </si>
  <si>
    <t>https://www.sciencedirect.com/science/journal/20522975</t>
  </si>
  <si>
    <t>New Negatives in Plant Science</t>
  </si>
  <si>
    <t>2352-0264</t>
  </si>
  <si>
    <t>23520264</t>
  </si>
  <si>
    <t>17070</t>
  </si>
  <si>
    <t>https://www.sciencedirect.com/science/journal/23520264</t>
  </si>
  <si>
    <t>New Techno-Humanities</t>
  </si>
  <si>
    <t>2664-3294</t>
  </si>
  <si>
    <t>26643294</t>
  </si>
  <si>
    <t>31177</t>
  </si>
  <si>
    <t>https://www.sciencedirect.com/science/journal/26643294</t>
  </si>
  <si>
    <t>Newton</t>
  </si>
  <si>
    <t>2950-6360</t>
  </si>
  <si>
    <t>29506360</t>
  </si>
  <si>
    <t>31841</t>
  </si>
  <si>
    <t>https://www.sciencedirect.com/science/journal/29506360</t>
  </si>
  <si>
    <t>Next Energy</t>
  </si>
  <si>
    <t>2949-821X</t>
  </si>
  <si>
    <t>2949821X</t>
  </si>
  <si>
    <t>31538</t>
  </si>
  <si>
    <t>https://www.sciencedirect.com/science/journal/2949821X</t>
  </si>
  <si>
    <t>Next Materials</t>
  </si>
  <si>
    <t>2949-8228</t>
  </si>
  <si>
    <t>29498228</t>
  </si>
  <si>
    <t>31539</t>
  </si>
  <si>
    <t>https://www.sciencedirect.com/science/journal/29498228</t>
  </si>
  <si>
    <t>Next Nanotechnology</t>
  </si>
  <si>
    <t>2949-8295</t>
  </si>
  <si>
    <t>29498295</t>
  </si>
  <si>
    <t>31550</t>
  </si>
  <si>
    <t>https://www.sciencedirect.com/science/journal/29498295</t>
  </si>
  <si>
    <t>Next Sustainability</t>
  </si>
  <si>
    <t>2949-8236</t>
  </si>
  <si>
    <t>29498236</t>
  </si>
  <si>
    <t>31541</t>
  </si>
  <si>
    <t>https://www.sciencedirect.com/science/journal/29498236</t>
  </si>
  <si>
    <t>Nexus</t>
  </si>
  <si>
    <t>2950-1601</t>
  </si>
  <si>
    <t>29501601</t>
  </si>
  <si>
    <t>31645</t>
  </si>
  <si>
    <t>https://www.sciencedirect.com/science/journal/29501601</t>
  </si>
  <si>
    <t>NFS Journal</t>
  </si>
  <si>
    <t>2352-3646</t>
  </si>
  <si>
    <t>23523646</t>
  </si>
  <si>
    <t>10519</t>
  </si>
  <si>
    <t>https://www.sciencedirect.com/science/journal/23523646</t>
  </si>
  <si>
    <t>Nigerian Food Journal</t>
  </si>
  <si>
    <t>0189-7241</t>
  </si>
  <si>
    <t>01897241</t>
  </si>
  <si>
    <t>18100</t>
  </si>
  <si>
    <t>Transferred to University Press Plc as of 2016</t>
  </si>
  <si>
    <t>https://www.sciencedirect.com/science/journal/01897241</t>
  </si>
  <si>
    <t>Nigerian Journal of Genetics</t>
  </si>
  <si>
    <t>0189-9686</t>
  </si>
  <si>
    <t>01899686</t>
  </si>
  <si>
    <t>18101</t>
  </si>
  <si>
    <t>https://www.sciencedirect.com/science/journal/01899686</t>
  </si>
  <si>
    <t>NJAS - Wageningen Journal of Life Sciences</t>
  </si>
  <si>
    <t>1573-5214</t>
  </si>
  <si>
    <t>15735214</t>
  </si>
  <si>
    <t>08656</t>
  </si>
  <si>
    <t>Transferred to Taylor &amp; Francis as of 2021</t>
  </si>
  <si>
    <t>https://www.sciencedirect.com/science/journal/15735214</t>
  </si>
  <si>
    <t>Non-coding RNA Research</t>
  </si>
  <si>
    <t>2468-0540</t>
  </si>
  <si>
    <t>24680540</t>
  </si>
  <si>
    <t>18320</t>
  </si>
  <si>
    <t>https://www.sciencedirect.com/science/journal/24680540</t>
  </si>
  <si>
    <t>Norteamérica</t>
  </si>
  <si>
    <t>1870-3550</t>
  </si>
  <si>
    <t>18703550</t>
  </si>
  <si>
    <t>16874</t>
  </si>
  <si>
    <t>https://www.sciencedirect.com/science/journal/18703550</t>
  </si>
  <si>
    <t>North American Spine Society Journal (NASSJ)</t>
  </si>
  <si>
    <t>2666-5484</t>
  </si>
  <si>
    <t>26665484</t>
  </si>
  <si>
    <t>30358</t>
  </si>
  <si>
    <t>https://www.sciencedirect.com/science/journal/26665484</t>
  </si>
  <si>
    <t>NRIAG Journal of Astronomy and Geophysics</t>
  </si>
  <si>
    <t>2090-9977</t>
  </si>
  <si>
    <t>20909977</t>
  </si>
  <si>
    <t>10144</t>
  </si>
  <si>
    <t>https://www.sciencedirect.com/science/journal/20909977</t>
  </si>
  <si>
    <t>Nuclear Analysis</t>
  </si>
  <si>
    <t>2773-1839</t>
  </si>
  <si>
    <t>27731839</t>
  </si>
  <si>
    <t>31455</t>
  </si>
  <si>
    <t>https://www.sciencedirect.com/science/journal/27731839</t>
  </si>
  <si>
    <t>Nuclear Energy and Technology</t>
  </si>
  <si>
    <t>2452-3038</t>
  </si>
  <si>
    <t>24523038</t>
  </si>
  <si>
    <t>18236</t>
  </si>
  <si>
    <t>https://www.sciencedirect.com/science/journal/24523038</t>
  </si>
  <si>
    <t>Nuclear Engineering and Technology</t>
  </si>
  <si>
    <t>1738-5733</t>
  </si>
  <si>
    <t>17385733</t>
  </si>
  <si>
    <t>18132</t>
  </si>
  <si>
    <t>https://www.sciencedirect.com/science/journal/17385733</t>
  </si>
  <si>
    <t>Nuclear Materials and Energy</t>
  </si>
  <si>
    <t>2352-1791</t>
  </si>
  <si>
    <t>23521791</t>
  </si>
  <si>
    <t>17740</t>
  </si>
  <si>
    <t>https://www.sciencedirect.com/science/journal/23521791</t>
  </si>
  <si>
    <t>Nuclear Science and Techniques</t>
  </si>
  <si>
    <t>1001-8042</t>
  </si>
  <si>
    <t>10018042</t>
  </si>
  <si>
    <t>08560</t>
  </si>
  <si>
    <t>https://www.sciencedirect.com/science/journal/10018042</t>
  </si>
  <si>
    <t>NursingPlus Open</t>
  </si>
  <si>
    <t>2352-9008</t>
  </si>
  <si>
    <t>23529008</t>
  </si>
  <si>
    <t>18122</t>
  </si>
  <si>
    <t>https://www.sciencedirect.com/science/journal/23529008</t>
  </si>
  <si>
    <t>Nutrition: X</t>
  </si>
  <si>
    <t>2665-9026</t>
  </si>
  <si>
    <t>26659026</t>
  </si>
  <si>
    <t>30126</t>
  </si>
  <si>
    <t>https://www.sciencedirect.com/science/journal/26659026</t>
  </si>
  <si>
    <t>Nutritional Psychiatry</t>
  </si>
  <si>
    <t>3051-1569</t>
  </si>
  <si>
    <t>30511569</t>
  </si>
  <si>
    <t>32166</t>
  </si>
  <si>
    <t>https://www.sciencedirect.com/science/journal/30511569</t>
  </si>
  <si>
    <t>Obesity Pillars</t>
  </si>
  <si>
    <t>2667-3681</t>
  </si>
  <si>
    <t>26673681</t>
  </si>
  <si>
    <t>31368</t>
  </si>
  <si>
    <t>https://www.sciencedirect.com/science/journal/26673681</t>
  </si>
  <si>
    <t>Obstetrics &amp; Gynecology</t>
  </si>
  <si>
    <t>0029-7844</t>
  </si>
  <si>
    <t>00297844</t>
  </si>
  <si>
    <t>07747</t>
  </si>
  <si>
    <t>Transferred to The ACOG and Lippincott, Williams &amp; Wilkins as of 2004</t>
  </si>
  <si>
    <t>https://www.sciencedirect.com/science/journal/00297844</t>
  </si>
  <si>
    <t>Ocular Genetics and Omics</t>
  </si>
  <si>
    <t>2949-7817</t>
  </si>
  <si>
    <t>29497817</t>
  </si>
  <si>
    <t>31530</t>
  </si>
  <si>
    <t>https://www.sciencedirect.com/science/journal/29497817</t>
  </si>
  <si>
    <t>Oil Crop Science</t>
  </si>
  <si>
    <t>2096-2428</t>
  </si>
  <si>
    <t>20962428</t>
  </si>
  <si>
    <t>30400</t>
  </si>
  <si>
    <t>https://www.sciencedirect.com/science/journal/20962428</t>
  </si>
  <si>
    <t>Oncology Signaling</t>
  </si>
  <si>
    <t>2542-5633</t>
  </si>
  <si>
    <t>25425633</t>
  </si>
  <si>
    <t>18395</t>
  </si>
  <si>
    <t>https://www.sciencedirect.com/science/journal/25425633</t>
  </si>
  <si>
    <t>One Health</t>
  </si>
  <si>
    <t>2352-7714</t>
  </si>
  <si>
    <t>23527714</t>
  </si>
  <si>
    <t>18191</t>
  </si>
  <si>
    <t>https://www.sciencedirect.com/science/journal/23527714</t>
  </si>
  <si>
    <t>Open Ceramics</t>
  </si>
  <si>
    <t>2666-5395</t>
  </si>
  <si>
    <t>26665395</t>
  </si>
  <si>
    <t>30345</t>
  </si>
  <si>
    <t>https://www.sciencedirect.com/science/journal/26665395</t>
  </si>
  <si>
    <t>Open Nuclear Energy</t>
  </si>
  <si>
    <t>3051-2808</t>
  </si>
  <si>
    <t>30512808</t>
  </si>
  <si>
    <t>32200</t>
  </si>
  <si>
    <t>https://www.sciencedirect.com/science/journal/30512808</t>
  </si>
  <si>
    <t>Open Respiratory Archives</t>
  </si>
  <si>
    <t>2659-6636</t>
  </si>
  <si>
    <t>26596636</t>
  </si>
  <si>
    <t>30170</t>
  </si>
  <si>
    <t>https://www.sciencedirect.com/science/journal/26596636</t>
  </si>
  <si>
    <t>OpenNano</t>
  </si>
  <si>
    <t>2352-9520</t>
  </si>
  <si>
    <t>23529520</t>
  </si>
  <si>
    <t>18799</t>
  </si>
  <si>
    <t>https://www.sciencedirect.com/science/journal/23529520</t>
  </si>
  <si>
    <t>Operations Research Perspectives</t>
  </si>
  <si>
    <t>2214-7160</t>
  </si>
  <si>
    <t>22147160</t>
  </si>
  <si>
    <t>17040</t>
  </si>
  <si>
    <t>https://www.sciencedirect.com/science/journal/22147160</t>
  </si>
  <si>
    <t>Ophthalmic and Physiological Optics</t>
  </si>
  <si>
    <t>0275-5408</t>
  </si>
  <si>
    <t>02755408</t>
  </si>
  <si>
    <t>03074</t>
  </si>
  <si>
    <t>Transferred to Blackwell as of 2002</t>
  </si>
  <si>
    <t>https://www.sciencedirect.com/science/journal/02755408</t>
  </si>
  <si>
    <t>Ophthalmology Science</t>
  </si>
  <si>
    <t>2666-9145</t>
  </si>
  <si>
    <t>26669145</t>
  </si>
  <si>
    <t>31012</t>
  </si>
  <si>
    <t>https://www.sciencedirect.com/science/journal/26669145</t>
  </si>
  <si>
    <t>Optical Materials: X</t>
  </si>
  <si>
    <t>2590-1478</t>
  </si>
  <si>
    <t>25901478</t>
  </si>
  <si>
    <t>18463</t>
  </si>
  <si>
    <t>https://www.sciencedirect.com/science/journal/25901478</t>
  </si>
  <si>
    <t>Opto-Electronics Review</t>
  </si>
  <si>
    <t>1230-3402</t>
  </si>
  <si>
    <t>12303402</t>
  </si>
  <si>
    <t>11024</t>
  </si>
  <si>
    <t>https://www.sciencedirect.com/science/journal/12303402</t>
  </si>
  <si>
    <t>Oral and Maxillofacial Surgery Cases</t>
  </si>
  <si>
    <t>2214-5419</t>
  </si>
  <si>
    <t>22145419</t>
  </si>
  <si>
    <t>14190</t>
  </si>
  <si>
    <t>https://www.sciencedirect.com/science/journal/22145419</t>
  </si>
  <si>
    <t>Oral Oncology Reports</t>
  </si>
  <si>
    <t>2772-9060</t>
  </si>
  <si>
    <t>27729060</t>
  </si>
  <si>
    <t>31375</t>
  </si>
  <si>
    <t>https://www.sciencedirect.com/science/journal/27729060</t>
  </si>
  <si>
    <t>Oral Science International</t>
  </si>
  <si>
    <t>1348-8643</t>
  </si>
  <si>
    <t>13488643</t>
  </si>
  <si>
    <t>12944</t>
  </si>
  <si>
    <t>https://www.sciencedirect.com/science/journal/13488643</t>
  </si>
  <si>
    <t>Orbis</t>
  </si>
  <si>
    <t>0030-4387</t>
  </si>
  <si>
    <t>00304387</t>
  </si>
  <si>
    <t>07436</t>
  </si>
  <si>
    <t>https://www.sciencedirect.com/science/journal/00304387</t>
  </si>
  <si>
    <t>Ore and Energy Resource Geology</t>
  </si>
  <si>
    <t>2666-2612</t>
  </si>
  <si>
    <t>26662612</t>
  </si>
  <si>
    <t>30261</t>
  </si>
  <si>
    <t>https://www.sciencedirect.com/science/journal/26662612</t>
  </si>
  <si>
    <t>Organisms Diversity &amp; Evolution</t>
  </si>
  <si>
    <t>1439-6092</t>
  </si>
  <si>
    <t>14396092</t>
  </si>
  <si>
    <t>10012</t>
  </si>
  <si>
    <t>Transferred to Springer Verlag as of  2010</t>
  </si>
  <si>
    <t>https://www.sciencedirect.com/science/journal/14396092</t>
  </si>
  <si>
    <t>Organs-on-a-Chip</t>
  </si>
  <si>
    <t>2666-1020</t>
  </si>
  <si>
    <t>26661020</t>
  </si>
  <si>
    <t>30177</t>
  </si>
  <si>
    <t>https://www.sciencedirect.com/science/journal/26661020</t>
  </si>
  <si>
    <t>Orthodontic Waves</t>
  </si>
  <si>
    <t>1344-0241</t>
  </si>
  <si>
    <t>13440241</t>
  </si>
  <si>
    <t>04273</t>
  </si>
  <si>
    <t>Transferred to Taylor &amp; Francis as of 2020</t>
  </si>
  <si>
    <t>https://www.sciencedirect.com/science/journal/13440241</t>
  </si>
  <si>
    <t>Orthoplastic Surgery</t>
  </si>
  <si>
    <t>2666-769X</t>
  </si>
  <si>
    <t>2666769X</t>
  </si>
  <si>
    <t>30437</t>
  </si>
  <si>
    <t>https://www.sciencedirect.com/science/journal/2666769X</t>
  </si>
  <si>
    <t>Ortodoncia Española</t>
  </si>
  <si>
    <t>0210-1637</t>
  </si>
  <si>
    <t>02101637</t>
  </si>
  <si>
    <t>15973</t>
  </si>
  <si>
    <t>https://www.sciencedirect.com/science/journal/02101637</t>
  </si>
  <si>
    <t>Osong Public Health and Research Perspectives</t>
  </si>
  <si>
    <t>2210-9099</t>
  </si>
  <si>
    <t>22109099</t>
  </si>
  <si>
    <t>08755</t>
  </si>
  <si>
    <t>https://www.sciencedirect.com/science/journal/22109099</t>
  </si>
  <si>
    <t>Osteoarthritis and Cartilage Open</t>
  </si>
  <si>
    <t>2665-9131</t>
  </si>
  <si>
    <t>26659131</t>
  </si>
  <si>
    <t>30132</t>
  </si>
  <si>
    <t>https://www.sciencedirect.com/science/journal/26659131</t>
  </si>
  <si>
    <t>Osteoarthritis Imaging</t>
  </si>
  <si>
    <t>2772-6541</t>
  </si>
  <si>
    <t>27726541</t>
  </si>
  <si>
    <t>31311</t>
  </si>
  <si>
    <t>https://www.sciencedirect.com/science/journal/27726541</t>
  </si>
  <si>
    <t>Osteopathic Family Physician</t>
  </si>
  <si>
    <t>1877-573X</t>
  </si>
  <si>
    <t>1877573X</t>
  </si>
  <si>
    <t>13448</t>
  </si>
  <si>
    <t>https://www.sciencedirect.com/science/journal/1877573X</t>
  </si>
  <si>
    <t>Osteoporosis and Sarcopenia</t>
  </si>
  <si>
    <t>2405-5255</t>
  </si>
  <si>
    <t>24055255</t>
  </si>
  <si>
    <t>18260</t>
  </si>
  <si>
    <t>https://www.sciencedirect.com/science/journal/24055255</t>
  </si>
  <si>
    <t>Otolaryngologia Polska</t>
  </si>
  <si>
    <t>0030-6657</t>
  </si>
  <si>
    <t>00306657</t>
  </si>
  <si>
    <t>11003</t>
  </si>
  <si>
    <t>Transferred to Index Copernicus International as of 2015</t>
  </si>
  <si>
    <t>https://www.sciencedirect.com/science/journal/00306657</t>
  </si>
  <si>
    <t>Otolaryngology Case Reports</t>
  </si>
  <si>
    <t>2468-5488</t>
  </si>
  <si>
    <t>24685488</t>
  </si>
  <si>
    <t>18887</t>
  </si>
  <si>
    <t>https://www.sciencedirect.com/science/journal/24685488</t>
  </si>
  <si>
    <t>Otolaryngology - Head and Neck Surgery</t>
  </si>
  <si>
    <t>0194-5998</t>
  </si>
  <si>
    <t>01945998</t>
  </si>
  <si>
    <t>13079</t>
  </si>
  <si>
    <t>Transferred to Sage Publications as of 2011</t>
  </si>
  <si>
    <t>https://www.sciencedirect.com/science/journal/01945998</t>
  </si>
  <si>
    <t>Pacific Science Review</t>
  </si>
  <si>
    <t>1229-5450</t>
  </si>
  <si>
    <t>12295450</t>
  </si>
  <si>
    <t>18094</t>
  </si>
  <si>
    <t>https://www.sciencedirect.com/science/journal/12295450</t>
  </si>
  <si>
    <t>Pacific Science Review A: Natural Science and Engineering</t>
  </si>
  <si>
    <t>2405-8823</t>
  </si>
  <si>
    <t>24058823</t>
  </si>
  <si>
    <t>18265</t>
  </si>
  <si>
    <t>https://www.sciencedirect.com/science/journal/24058823</t>
  </si>
  <si>
    <t>Pacific Science Review B: Humanities and Social Sciences</t>
  </si>
  <si>
    <t>2405-8831</t>
  </si>
  <si>
    <t>24058831</t>
  </si>
  <si>
    <t>18266</t>
  </si>
  <si>
    <t>https://www.sciencedirect.com/science/journal/24058831</t>
  </si>
  <si>
    <t>PAIN®</t>
  </si>
  <si>
    <t>0304-3959</t>
  </si>
  <si>
    <t>03043959</t>
  </si>
  <si>
    <t>05076</t>
  </si>
  <si>
    <t>Transferred to Wolters Kluwer as of 2015</t>
  </si>
  <si>
    <t>https://www.sciencedirect.com/science/journal/03043959</t>
  </si>
  <si>
    <t>Papers in Regional Science</t>
  </si>
  <si>
    <t>1056-8190</t>
  </si>
  <si>
    <t>10568190</t>
  </si>
  <si>
    <t>31670</t>
  </si>
  <si>
    <t>https://www.sciencedirect.com/science/journal/10568190</t>
  </si>
  <si>
    <t>Parasite Epidemiology and Control</t>
  </si>
  <si>
    <t>2405-6731</t>
  </si>
  <si>
    <t>24056731</t>
  </si>
  <si>
    <t>18251</t>
  </si>
  <si>
    <t>https://www.sciencedirect.com/science/journal/24056731</t>
  </si>
  <si>
    <t>Partial Differential Equations in Applied Mathematics</t>
  </si>
  <si>
    <t>2666-8181</t>
  </si>
  <si>
    <t>26668181</t>
  </si>
  <si>
    <t>30440</t>
  </si>
  <si>
    <t>https://www.sciencedirect.com/science/journal/26668181</t>
  </si>
  <si>
    <t>Pathogenesis</t>
  </si>
  <si>
    <t>2214-6636</t>
  </si>
  <si>
    <t>22146636</t>
  </si>
  <si>
    <t>17062</t>
  </si>
  <si>
    <t>https://www.sciencedirect.com/science/journal/22146636</t>
  </si>
  <si>
    <t>Pathology and Oncology Research</t>
  </si>
  <si>
    <t>1219-4956</t>
  </si>
  <si>
    <t>12194956</t>
  </si>
  <si>
    <t>PAOR</t>
  </si>
  <si>
    <t>Transferred to Springer Verlag as of 2000</t>
  </si>
  <si>
    <t>https://www.sciencedirect.com/science/journal/12194956</t>
  </si>
  <si>
    <t>Patterns</t>
  </si>
  <si>
    <t>2666-3899</t>
  </si>
  <si>
    <t>26663899</t>
  </si>
  <si>
    <t>30306</t>
  </si>
  <si>
    <t>https://www.sciencedirect.com/science/journal/26663899</t>
  </si>
  <si>
    <t>PEC Innovation</t>
  </si>
  <si>
    <t>2772-6282</t>
  </si>
  <si>
    <t>27726282</t>
  </si>
  <si>
    <t>31310</t>
  </si>
  <si>
    <t>https://www.sciencedirect.com/science/journal/27726282</t>
  </si>
  <si>
    <t>Pediatría</t>
  </si>
  <si>
    <t>0120-4912</t>
  </si>
  <si>
    <t>01204912</t>
  </si>
  <si>
    <t>16368</t>
  </si>
  <si>
    <t>Transferred to Sociedad Colombiana de Pediatría as of 2017</t>
  </si>
  <si>
    <t>https://www.sciencedirect.com/science/journal/01204912</t>
  </si>
  <si>
    <t>Pediatria Polska</t>
  </si>
  <si>
    <t>0031-3939</t>
  </si>
  <si>
    <t>00313939</t>
  </si>
  <si>
    <t>11001</t>
  </si>
  <si>
    <t>https://www.sciencedirect.com/science/journal/00313939</t>
  </si>
  <si>
    <t>Pediatric Hematology Oncology Journal</t>
  </si>
  <si>
    <t>2468-1245</t>
  </si>
  <si>
    <t>24681245</t>
  </si>
  <si>
    <t>18333</t>
  </si>
  <si>
    <t>https://www.sciencedirect.com/science/journal/24681245</t>
  </si>
  <si>
    <t>Pediatric Infectious Disease</t>
  </si>
  <si>
    <t>2212-8328</t>
  </si>
  <si>
    <t>22128328</t>
  </si>
  <si>
    <t>10108</t>
  </si>
  <si>
    <t>https://www.sciencedirect.com/science/journal/22128328</t>
  </si>
  <si>
    <t>Península</t>
  </si>
  <si>
    <t>1870-5766</t>
  </si>
  <si>
    <t>18705766</t>
  </si>
  <si>
    <t>16873</t>
  </si>
  <si>
    <t>https://www.sciencedirect.com/science/journal/18705766</t>
  </si>
  <si>
    <t>Perfiles Educativos</t>
  </si>
  <si>
    <t>0185-2698</t>
  </si>
  <si>
    <t>01852698</t>
  </si>
  <si>
    <t>16866</t>
  </si>
  <si>
    <t>https://www.sciencedirect.com/science/journal/01852698</t>
  </si>
  <si>
    <t>Perinatología y Reproducción Humana</t>
  </si>
  <si>
    <t>0187-5337</t>
  </si>
  <si>
    <t>01875337</t>
  </si>
  <si>
    <t>14423</t>
  </si>
  <si>
    <t>https://www.sciencedirect.com/science/journal/01875337</t>
  </si>
  <si>
    <t>Personalized Medicine Universe</t>
  </si>
  <si>
    <t>2186-4950</t>
  </si>
  <si>
    <t>21864950</t>
  </si>
  <si>
    <t>10116</t>
  </si>
  <si>
    <t>https://www.sciencedirect.com/science/journal/21864950</t>
  </si>
  <si>
    <t>Perspectives in Architecture and Urbanism</t>
  </si>
  <si>
    <t>2950-2675</t>
  </si>
  <si>
    <t>29502675</t>
  </si>
  <si>
    <t>31696</t>
  </si>
  <si>
    <t>https://www.sciencedirect.com/science/journal/29502675</t>
  </si>
  <si>
    <t>Perspectives in Ecology and Conservation</t>
  </si>
  <si>
    <t>2530-0644</t>
  </si>
  <si>
    <t>25300644</t>
  </si>
  <si>
    <t>Formerly known as Natureza &amp; Conservação</t>
  </si>
  <si>
    <t>https://www.sciencedirect.com/science/journal/25300644</t>
  </si>
  <si>
    <t>Perspectives in Medicine</t>
  </si>
  <si>
    <t>2211-968X</t>
  </si>
  <si>
    <t>2211968X</t>
  </si>
  <si>
    <t>10075</t>
  </si>
  <si>
    <t>https://www.sciencedirect.com/science/journal/2211968X</t>
  </si>
  <si>
    <t>Perspectives in Science</t>
  </si>
  <si>
    <t>2213-0209</t>
  </si>
  <si>
    <t>22130209</t>
  </si>
  <si>
    <t>10504</t>
  </si>
  <si>
    <t>https://www.sciencedirect.com/science/journal/22130209</t>
  </si>
  <si>
    <t>Perspectives in Vaccinology</t>
  </si>
  <si>
    <t>2210-7622</t>
  </si>
  <si>
    <t>22107622</t>
  </si>
  <si>
    <t>08765</t>
  </si>
  <si>
    <t>https://www.sciencedirect.com/science/journal/22107622</t>
  </si>
  <si>
    <t>Petroleum</t>
  </si>
  <si>
    <t>2405-6561</t>
  </si>
  <si>
    <t>24056561</t>
  </si>
  <si>
    <t>18160</t>
  </si>
  <si>
    <t>https://www.sciencedirect.com/science/journal/24056561</t>
  </si>
  <si>
    <t>Petroleum Chemistry U.S.S.R.</t>
  </si>
  <si>
    <t>0031-6458</t>
  </si>
  <si>
    <t>00316458</t>
  </si>
  <si>
    <t>00284</t>
  </si>
  <si>
    <t>Transferred to the Russian Academy of Sciences as of 1991</t>
  </si>
  <si>
    <t>https://www.sciencedirect.com/science/journal/00316458</t>
  </si>
  <si>
    <t>Petroleum Research</t>
  </si>
  <si>
    <t>2096-2495</t>
  </si>
  <si>
    <t>20962495</t>
  </si>
  <si>
    <t>18400</t>
  </si>
  <si>
    <t>https://www.sciencedirect.com/science/journal/20962495</t>
  </si>
  <si>
    <t>Petroleum Science</t>
  </si>
  <si>
    <t>1995-8226</t>
  </si>
  <si>
    <t>19958226</t>
  </si>
  <si>
    <t>31246</t>
  </si>
  <si>
    <t>https://www.sciencedirect.com/science/journal/19958226</t>
  </si>
  <si>
    <t>Pharmaceutical Methods</t>
  </si>
  <si>
    <t>2229-4708</t>
  </si>
  <si>
    <t>22294708</t>
  </si>
  <si>
    <t>08827</t>
  </si>
  <si>
    <t>https://www.sciencedirect.com/science/journal/22294708</t>
  </si>
  <si>
    <t>Pharmaceutical Science Advances</t>
  </si>
  <si>
    <t>2773-2169</t>
  </si>
  <si>
    <t>27732169</t>
  </si>
  <si>
    <t>31462</t>
  </si>
  <si>
    <t>https://www.sciencedirect.com/science/journal/27732169</t>
  </si>
  <si>
    <t>Pharmacoeconomics and Policy</t>
  </si>
  <si>
    <t>2950-2667</t>
  </si>
  <si>
    <t>29502667</t>
  </si>
  <si>
    <t>31699</t>
  </si>
  <si>
    <t>https://www.sciencedirect.com/science/journal/29502667</t>
  </si>
  <si>
    <t>Pharmacognosy Journal</t>
  </si>
  <si>
    <t>0975-3575</t>
  </si>
  <si>
    <t>09753575</t>
  </si>
  <si>
    <t>18016</t>
  </si>
  <si>
    <t>https://www.sciencedirect.com/science/journal/09753575</t>
  </si>
  <si>
    <t>Pharmacological Reports</t>
  </si>
  <si>
    <t>1734-1140</t>
  </si>
  <si>
    <t>17341140</t>
  </si>
  <si>
    <t>11018</t>
  </si>
  <si>
    <t>https://www.sciencedirect.com/science/journal/17341140</t>
  </si>
  <si>
    <t>Pharmacological Research - Modern Chinese Medicine</t>
  </si>
  <si>
    <t>2667-1425</t>
  </si>
  <si>
    <t>26671425</t>
  </si>
  <si>
    <t>31129</t>
  </si>
  <si>
    <t>https://www.sciencedirect.com/science/journal/26671425</t>
  </si>
  <si>
    <t>Photoacoustics</t>
  </si>
  <si>
    <t>2213-5979</t>
  </si>
  <si>
    <t>22135979</t>
  </si>
  <si>
    <t>10511</t>
  </si>
  <si>
    <t>https://www.sciencedirect.com/science/journal/22135979</t>
  </si>
  <si>
    <t>Photogrammetric Engineering &amp; Remote Sensing</t>
  </si>
  <si>
    <t>0099-1112</t>
  </si>
  <si>
    <t>00991112</t>
  </si>
  <si>
    <t>18292</t>
  </si>
  <si>
    <t>https://www.sciencedirect.com/science/journal/00991112</t>
  </si>
  <si>
    <t>Physical Mesomechanics</t>
  </si>
  <si>
    <t>1029-9599</t>
  </si>
  <si>
    <t>10299599</t>
  </si>
  <si>
    <t>08623</t>
  </si>
  <si>
    <t>Transferred  back to the society as of 2012</t>
  </si>
  <si>
    <t>https://www.sciencedirect.com/science/journal/10299599</t>
  </si>
  <si>
    <t>Physics of the Dark Universe</t>
  </si>
  <si>
    <t>2212-6864</t>
  </si>
  <si>
    <t>22126864</t>
  </si>
  <si>
    <t>10100</t>
  </si>
  <si>
    <t>https://www.sciencedirect.com/science/journal/22126864</t>
  </si>
  <si>
    <t>Physics and Imaging in Radiation Oncology</t>
  </si>
  <si>
    <t>2405-6316</t>
  </si>
  <si>
    <t>24056316</t>
  </si>
  <si>
    <t>08192</t>
  </si>
  <si>
    <t>https://www.sciencedirect.com/science/journal/24056316</t>
  </si>
  <si>
    <t>Physics in Medicine</t>
  </si>
  <si>
    <t>2352-4510</t>
  </si>
  <si>
    <t>23524510</t>
  </si>
  <si>
    <t>18075</t>
  </si>
  <si>
    <t>https://www.sciencedirect.com/science/journal/23524510</t>
  </si>
  <si>
    <t>Physics Open</t>
  </si>
  <si>
    <t>2666-0326</t>
  </si>
  <si>
    <t>26660326</t>
  </si>
  <si>
    <t>30169</t>
  </si>
  <si>
    <t>https://www.sciencedirect.com/science/journal/26660326</t>
  </si>
  <si>
    <t>Physics Procedia</t>
  </si>
  <si>
    <t>1875-3892</t>
  </si>
  <si>
    <t>18753892</t>
  </si>
  <si>
    <t>06076</t>
  </si>
  <si>
    <t>https://www.sciencedirect.com/science/journal/18753892</t>
  </si>
  <si>
    <t>Phytomedicine Plus</t>
  </si>
  <si>
    <t>2667-0313</t>
  </si>
  <si>
    <t>26670313</t>
  </si>
  <si>
    <t>31085</t>
  </si>
  <si>
    <t>https://www.sciencedirect.com/science/journal/26670313</t>
  </si>
  <si>
    <t>Plant Communications</t>
  </si>
  <si>
    <t>2590-3462</t>
  </si>
  <si>
    <t>25903462</t>
  </si>
  <si>
    <t>30148</t>
  </si>
  <si>
    <t>https://www.sciencedirect.com/science/journal/25903462</t>
  </si>
  <si>
    <t>Plant Diversity</t>
  </si>
  <si>
    <t>2468-2659</t>
  </si>
  <si>
    <t>24682659</t>
  </si>
  <si>
    <t>18353</t>
  </si>
  <si>
    <t>https://www.sciencedirect.com/science/journal/24682659</t>
  </si>
  <si>
    <t>Plant Nano Biology</t>
  </si>
  <si>
    <t>2773-1111</t>
  </si>
  <si>
    <t>27731111</t>
  </si>
  <si>
    <t>31440</t>
  </si>
  <si>
    <t>https://www.sciencedirect.com/science/journal/27731111</t>
  </si>
  <si>
    <t>Plant Stress</t>
  </si>
  <si>
    <t>2667-064X</t>
  </si>
  <si>
    <t>2667064X</t>
  </si>
  <si>
    <t>31095</t>
  </si>
  <si>
    <t>https://www.sciencedirect.com/science/journal/2667064X</t>
  </si>
  <si>
    <t>PM&amp;R</t>
  </si>
  <si>
    <t>1934-1482</t>
  </si>
  <si>
    <t>19341482</t>
  </si>
  <si>
    <t>13430</t>
  </si>
  <si>
    <t>https://www.sciencedirect.com/science/journal/19341482</t>
  </si>
  <si>
    <t>Policy and Society</t>
  </si>
  <si>
    <t>1449-4035</t>
  </si>
  <si>
    <t>14494035</t>
  </si>
  <si>
    <t>08643</t>
  </si>
  <si>
    <t>Transferred to Taylor and Francis as of 2017</t>
  </si>
  <si>
    <t>https://www.sciencedirect.com/science/journal/14494035</t>
  </si>
  <si>
    <t>Polish Annals of Medicine</t>
  </si>
  <si>
    <t>1230-8013</t>
  </si>
  <si>
    <t>12308013</t>
  </si>
  <si>
    <t>11006</t>
  </si>
  <si>
    <t>https://www.sciencedirect.com/science/journal/12308013</t>
  </si>
  <si>
    <t>Political Geography Open Research</t>
  </si>
  <si>
    <t>2772-9990</t>
  </si>
  <si>
    <t>27729990</t>
  </si>
  <si>
    <t>31406</t>
  </si>
  <si>
    <t>https://www.sciencedirect.com/science/journal/27729990</t>
  </si>
  <si>
    <t>Polski Przegląd Otorynolaryngologiczny</t>
  </si>
  <si>
    <t>2084-5308</t>
  </si>
  <si>
    <t>20845308</t>
  </si>
  <si>
    <t>11008</t>
  </si>
  <si>
    <t>Transferred to Index Copernicus International as of 2016</t>
  </si>
  <si>
    <t>https://www.sciencedirect.com/science/journal/20845308</t>
  </si>
  <si>
    <t>Porto Biomedical Journal</t>
  </si>
  <si>
    <t>2444-8664</t>
  </si>
  <si>
    <t>24448664</t>
  </si>
  <si>
    <t>16417</t>
  </si>
  <si>
    <t>https://www.sciencedirect.com/science/journal/24448664</t>
  </si>
  <si>
    <t>Postępy Psychiatrii I Neurologii</t>
  </si>
  <si>
    <t>1230-2813</t>
  </si>
  <si>
    <t>12302813</t>
  </si>
  <si>
    <t>11015</t>
  </si>
  <si>
    <t>https://www.sciencedirect.com/science/journal/12302813</t>
  </si>
  <si>
    <t>Poultry Science</t>
  </si>
  <si>
    <t>0032-5791</t>
  </si>
  <si>
    <t>00325791</t>
  </si>
  <si>
    <t>30281</t>
  </si>
  <si>
    <t>Formerly known as Journal of the American Association of Instructors and Investigators of Poultry Husbandry</t>
  </si>
  <si>
    <t>https://www.sciencedirect.com/science/journal/00325791</t>
  </si>
  <si>
    <t>Power Electronic Devices and Components</t>
  </si>
  <si>
    <t>2772-3704</t>
  </si>
  <si>
    <t>27723704</t>
  </si>
  <si>
    <t>31209</t>
  </si>
  <si>
    <t>https://www.sciencedirect.com/science/journal/27723704</t>
  </si>
  <si>
    <t>Practical Laboratory Medicine</t>
  </si>
  <si>
    <t>2352-5517</t>
  </si>
  <si>
    <t>23525517</t>
  </si>
  <si>
    <t>18117</t>
  </si>
  <si>
    <t>https://www.sciencedirect.com/science/journal/23525517</t>
  </si>
  <si>
    <t>Precision Medication</t>
  </si>
  <si>
    <t>2950-5232</t>
  </si>
  <si>
    <t>29505232</t>
  </si>
  <si>
    <t>31819</t>
  </si>
  <si>
    <t>https://www.sciencedirect.com/science/journal/29505232</t>
  </si>
  <si>
    <t>Precision Medicine and Engineering</t>
  </si>
  <si>
    <t>2950-4821</t>
  </si>
  <si>
    <t>29504821</t>
  </si>
  <si>
    <t>31804</t>
  </si>
  <si>
    <t>https://www.sciencedirect.com/science/journal/29504821</t>
  </si>
  <si>
    <t>Prehospital Emergency Care</t>
  </si>
  <si>
    <t>1090-3127</t>
  </si>
  <si>
    <t>10903127</t>
  </si>
  <si>
    <t>14018</t>
  </si>
  <si>
    <t>Transferred to Taylor &amp; Francis as of 2005</t>
  </si>
  <si>
    <t>https://www.sciencedirect.com/science/journal/10903127</t>
  </si>
  <si>
    <t>Preventive Medicine Reports</t>
  </si>
  <si>
    <t>2211-3355</t>
  </si>
  <si>
    <t>22113355</t>
  </si>
  <si>
    <t>14067</t>
  </si>
  <si>
    <t>https://www.sciencedirect.com/science/journal/22113355</t>
  </si>
  <si>
    <t>Primary Care Respiratory Journal</t>
  </si>
  <si>
    <t>1471-4418</t>
  </si>
  <si>
    <t>14714418</t>
  </si>
  <si>
    <t>04062</t>
  </si>
  <si>
    <t>Transferred to Sherborne Gibbs Limited as of 2007</t>
  </si>
  <si>
    <t>https://www.sciencedirect.com/science/journal/14714418</t>
  </si>
  <si>
    <t>Problemas del Desarrollo</t>
  </si>
  <si>
    <t>0301-7036</t>
  </si>
  <si>
    <t>03017036</t>
  </si>
  <si>
    <t>16875</t>
  </si>
  <si>
    <t>https://www.sciencedirect.com/science/journal/03017036</t>
  </si>
  <si>
    <t>Procedia Chemistry</t>
  </si>
  <si>
    <t>1876-6196</t>
  </si>
  <si>
    <t>18766196</t>
  </si>
  <si>
    <t>08662</t>
  </si>
  <si>
    <t>https://www.sciencedirect.com/science/journal/18766196</t>
  </si>
  <si>
    <t>Procedia CIRP</t>
  </si>
  <si>
    <t>2212-8271</t>
  </si>
  <si>
    <t>22128271</t>
  </si>
  <si>
    <t>08817</t>
  </si>
  <si>
    <t>https://www.sciencedirect.com/science/journal/22128271</t>
  </si>
  <si>
    <t>Procedia Computer Science</t>
  </si>
  <si>
    <t>1877-0509</t>
  </si>
  <si>
    <t>18770509</t>
  </si>
  <si>
    <t>08677</t>
  </si>
  <si>
    <t>https://www.sciencedirect.com/science/journal/18770509</t>
  </si>
  <si>
    <t>Procedia Earth and Planetary Science</t>
  </si>
  <si>
    <t>1878-5220</t>
  </si>
  <si>
    <t>18785220</t>
  </si>
  <si>
    <t>08699</t>
  </si>
  <si>
    <t>https://www.sciencedirect.com/science/journal/18785220</t>
  </si>
  <si>
    <t>Procedia Economics and Finance</t>
  </si>
  <si>
    <t>2212-5671</t>
  </si>
  <si>
    <t>22125671</t>
  </si>
  <si>
    <t>17003</t>
  </si>
  <si>
    <t>https://www.sciencedirect.com/science/journal/22125671</t>
  </si>
  <si>
    <t>Procedia Engineering</t>
  </si>
  <si>
    <t>1877-7058</t>
  </si>
  <si>
    <t>18777058</t>
  </si>
  <si>
    <t>05631</t>
  </si>
  <si>
    <t>https://www.sciencedirect.com/science/journal/18777058</t>
  </si>
  <si>
    <t>Procedia Environmental Sciences</t>
  </si>
  <si>
    <t>1878-0296</t>
  </si>
  <si>
    <t>18780296</t>
  </si>
  <si>
    <t>08692</t>
  </si>
  <si>
    <t>https://www.sciencedirect.com/science/journal/18780296</t>
  </si>
  <si>
    <t>Procedia Food Science</t>
  </si>
  <si>
    <t>2211-601X</t>
  </si>
  <si>
    <t>2211601X</t>
  </si>
  <si>
    <t>12974</t>
  </si>
  <si>
    <t>https://www.sciencedirect.com/science/journal/2211601X</t>
  </si>
  <si>
    <t>Procedia IUTAM</t>
  </si>
  <si>
    <t>2210-9838</t>
  </si>
  <si>
    <t>22109838</t>
  </si>
  <si>
    <t>08754</t>
  </si>
  <si>
    <t>https://www.sciencedirect.com/science/journal/22109838</t>
  </si>
  <si>
    <t>Procedia Manufacturing</t>
  </si>
  <si>
    <t>2351-9789</t>
  </si>
  <si>
    <t>23519789</t>
  </si>
  <si>
    <t>17073</t>
  </si>
  <si>
    <t>https://www.sciencedirect.com/science/journal/23519789</t>
  </si>
  <si>
    <t>Procedia Materials Science</t>
  </si>
  <si>
    <t>2211-8128</t>
  </si>
  <si>
    <t>22118128</t>
  </si>
  <si>
    <t>10104</t>
  </si>
  <si>
    <t>https://www.sciencedirect.com/science/journal/22118128</t>
  </si>
  <si>
    <t>Procedia – Social and Behavioral Sciences</t>
  </si>
  <si>
    <t>1877-0428</t>
  </si>
  <si>
    <t>18770428</t>
  </si>
  <si>
    <t>04124</t>
  </si>
  <si>
    <t>Title discontinued as of 2019</t>
  </si>
  <si>
    <t>https://www.sciencedirect.com/science/journal/18770428</t>
  </si>
  <si>
    <t>Procedia Structural Integrity</t>
  </si>
  <si>
    <t>2452-3216</t>
  </si>
  <si>
    <t>24523216</t>
  </si>
  <si>
    <t>18305</t>
  </si>
  <si>
    <t>https://www.sciencedirect.com/science/journal/24523216</t>
  </si>
  <si>
    <t>Procedia Technology</t>
  </si>
  <si>
    <t>2212-0173</t>
  </si>
  <si>
    <t>22120173</t>
  </si>
  <si>
    <t>12983</t>
  </si>
  <si>
    <t>https://www.sciencedirect.com/science/journal/22120173</t>
  </si>
  <si>
    <t>Procedia in Vaccinology</t>
  </si>
  <si>
    <t>1877-282X</t>
  </si>
  <si>
    <t>1877282X</t>
  </si>
  <si>
    <t>08687</t>
  </si>
  <si>
    <t>https://www.sciencedirect.com/science/journal/1877282X</t>
  </si>
  <si>
    <t>Progresos de Obstetricia y Ginecología</t>
  </si>
  <si>
    <t>0304-5013</t>
  </si>
  <si>
    <t>03045013</t>
  </si>
  <si>
    <t>15743</t>
  </si>
  <si>
    <t>https://www.sciencedirect.com/science/journal/03045013</t>
  </si>
  <si>
    <t>Progress in Disaster Science</t>
  </si>
  <si>
    <t>2590-0617</t>
  </si>
  <si>
    <t>25900617</t>
  </si>
  <si>
    <t>30044</t>
  </si>
  <si>
    <t>https://www.sciencedirect.com/science/journal/25900617</t>
  </si>
  <si>
    <t>Progress in Natural Science: Materials International</t>
  </si>
  <si>
    <t>1002-0071</t>
  </si>
  <si>
    <t>10020071</t>
  </si>
  <si>
    <t>08791</t>
  </si>
  <si>
    <t>https://www.sciencedirect.com/science/journal/10020071</t>
  </si>
  <si>
    <t>Progress in Orthodontics</t>
  </si>
  <si>
    <t>1723-7785</t>
  </si>
  <si>
    <t>17237785</t>
  </si>
  <si>
    <t>15807</t>
  </si>
  <si>
    <t>Transferred to SIDO as of 2013</t>
  </si>
  <si>
    <t>https://www.sciencedirect.com/science/journal/17237785</t>
  </si>
  <si>
    <t>Project Leadership and Society</t>
  </si>
  <si>
    <t>2666-7215</t>
  </si>
  <si>
    <t>26667215</t>
  </si>
  <si>
    <t>30427</t>
  </si>
  <si>
    <t>https://www.sciencedirect.com/science/journal/26667215</t>
  </si>
  <si>
    <t>Propulsion and Power Research</t>
  </si>
  <si>
    <t>2212-540X</t>
  </si>
  <si>
    <t>2212540X</t>
  </si>
  <si>
    <t>18003</t>
  </si>
  <si>
    <t>https://www.sciencedirect.com/science/journal/2212540X</t>
  </si>
  <si>
    <t>Prostate International</t>
  </si>
  <si>
    <t>2287-8882</t>
  </si>
  <si>
    <t>22878882</t>
  </si>
  <si>
    <t>18148</t>
  </si>
  <si>
    <t>https://www.sciencedirect.com/science/journal/22878882</t>
  </si>
  <si>
    <t>Psicología Educativa</t>
  </si>
  <si>
    <t>1135-755X</t>
  </si>
  <si>
    <t>1135755X</t>
  </si>
  <si>
    <t>15828</t>
  </si>
  <si>
    <t>https://www.sciencedirect.com/science/journal/1135755X</t>
  </si>
  <si>
    <t>Psychedelics</t>
  </si>
  <si>
    <t>2950-4848</t>
  </si>
  <si>
    <t>29504848</t>
  </si>
  <si>
    <t>31801</t>
  </si>
  <si>
    <t>https://www.sciencedirect.com/science/journal/29504848</t>
  </si>
  <si>
    <t>Psychiatry Research Case Reports</t>
  </si>
  <si>
    <t>2773-0212</t>
  </si>
  <si>
    <t>27730212</t>
  </si>
  <si>
    <t>31409</t>
  </si>
  <si>
    <t>https://www.sciencedirect.com/science/journal/27730212</t>
  </si>
  <si>
    <t>Psychiatry Research Communications</t>
  </si>
  <si>
    <t>2772-5987</t>
  </si>
  <si>
    <t>27725987</t>
  </si>
  <si>
    <t>31271</t>
  </si>
  <si>
    <t>https://www.sciencedirect.com/science/journal/27725987</t>
  </si>
  <si>
    <t>Psychosocial Intervention</t>
  </si>
  <si>
    <t>1132-0559</t>
  </si>
  <si>
    <t>11320559</t>
  </si>
  <si>
    <t>15998</t>
  </si>
  <si>
    <t>https://www.sciencedirect.com/science/journal/11320559</t>
  </si>
  <si>
    <t>Public Health Forum</t>
  </si>
  <si>
    <t>0944-5587</t>
  </si>
  <si>
    <t>09445587</t>
  </si>
  <si>
    <t>10052</t>
  </si>
  <si>
    <t>Transferred to Walter de Gruyter as of 2015</t>
  </si>
  <si>
    <t>https://www.sciencedirect.com/science/journal/09445587</t>
  </si>
  <si>
    <t>Public Health in Practice</t>
  </si>
  <si>
    <t>2666-5352</t>
  </si>
  <si>
    <t>26665352</t>
  </si>
  <si>
    <t>30355</t>
  </si>
  <si>
    <t>https://www.sciencedirect.com/science/journal/26665352</t>
  </si>
  <si>
    <t>Pump Industry Analyst</t>
  </si>
  <si>
    <t>1359-6128</t>
  </si>
  <si>
    <t>13596128</t>
  </si>
  <si>
    <t>02167</t>
  </si>
  <si>
    <t>https://www.sciencedirect.com/science/journal/13596128</t>
  </si>
  <si>
    <t>Qualitative Research in Medicine &amp; Healthcare</t>
  </si>
  <si>
    <t>2532-2044</t>
  </si>
  <si>
    <t>25322044</t>
  </si>
  <si>
    <t>32097</t>
  </si>
  <si>
    <t>https://www.sciencedirect.com/science/journal/25322044</t>
  </si>
  <si>
    <t>Quantum Review Letters</t>
  </si>
  <si>
    <t>3050-4910</t>
  </si>
  <si>
    <t>30504910</t>
  </si>
  <si>
    <t>31963</t>
  </si>
  <si>
    <t>https://www.sciencedirect.com/science/journal/30504910</t>
  </si>
  <si>
    <t>Quaternary Environments and Humans</t>
  </si>
  <si>
    <t>2950-2365</t>
  </si>
  <si>
    <t>29502365</t>
  </si>
  <si>
    <t>31676</t>
  </si>
  <si>
    <t>https://www.sciencedirect.com/science/journal/29502365</t>
  </si>
  <si>
    <t>Quaternary Research</t>
  </si>
  <si>
    <t>0033-5894</t>
  </si>
  <si>
    <t>00335894</t>
  </si>
  <si>
    <t>12108</t>
  </si>
  <si>
    <t>Transferred to Cambridge University Press as of 2017</t>
  </si>
  <si>
    <t>https://www.sciencedirect.com/science/journal/00335894</t>
  </si>
  <si>
    <t>Quaternary Science Advances</t>
  </si>
  <si>
    <t>2666-0334</t>
  </si>
  <si>
    <t>26660334</t>
  </si>
  <si>
    <t>30168</t>
  </si>
  <si>
    <t>https://www.sciencedirect.com/science/journal/26660334</t>
  </si>
  <si>
    <t>Radiation Medicine and Protection</t>
  </si>
  <si>
    <t>2666-5557</t>
  </si>
  <si>
    <t>26665557</t>
  </si>
  <si>
    <t>30378</t>
  </si>
  <si>
    <t>https://www.sciencedirect.com/science/journal/26665557</t>
  </si>
  <si>
    <t>Radiology Case Reports</t>
  </si>
  <si>
    <t>1930-0433</t>
  </si>
  <si>
    <t>19300433</t>
  </si>
  <si>
    <t>18839</t>
  </si>
  <si>
    <t>https://www.sciencedirect.com/science/journal/19300433</t>
  </si>
  <si>
    <t>Radiology of Infectious Diseases</t>
  </si>
  <si>
    <t>2352-6211</t>
  </si>
  <si>
    <t>23526211</t>
  </si>
  <si>
    <t>18092</t>
  </si>
  <si>
    <t>Transferred to Jiaojiao Liu Beijing You’an as of 2021</t>
  </si>
  <si>
    <t>https://www.sciencedirect.com/science/journal/23526211</t>
  </si>
  <si>
    <t>RAI Revista de Administração e Inovação</t>
  </si>
  <si>
    <t>1809-2039</t>
  </si>
  <si>
    <t>18092039</t>
  </si>
  <si>
    <t>11503</t>
  </si>
  <si>
    <t>https://www.sciencedirect.com/science/journal/18092039</t>
  </si>
  <si>
    <t>Rare</t>
  </si>
  <si>
    <t>2950-0087</t>
  </si>
  <si>
    <t>29500087</t>
  </si>
  <si>
    <t>31630</t>
  </si>
  <si>
    <t>https://www.sciencedirect.com/science/journal/29500087</t>
  </si>
  <si>
    <t>Rare Metal Materials and Engineering</t>
  </si>
  <si>
    <t>1875-5372</t>
  </si>
  <si>
    <t>18755372</t>
  </si>
  <si>
    <t>04115</t>
  </si>
  <si>
    <t>https://www.sciencedirect.com/science/journal/18755372</t>
  </si>
  <si>
    <t>Rare Metals</t>
  </si>
  <si>
    <t>1001-0521</t>
  </si>
  <si>
    <t>10010521</t>
  </si>
  <si>
    <t>04254</t>
  </si>
  <si>
    <t>https://www.sciencedirect.com/science/journal/10010521</t>
  </si>
  <si>
    <t>RAUSP Management Journal</t>
  </si>
  <si>
    <t>2531-0488</t>
  </si>
  <si>
    <t>25310488</t>
  </si>
  <si>
    <t>11501</t>
  </si>
  <si>
    <t>Formerly known as Revista de Administração; Transferred back to the society as of 2019</t>
  </si>
  <si>
    <t>https://www.sciencedirect.com/science/journal/25310488</t>
  </si>
  <si>
    <t>Réanimation</t>
  </si>
  <si>
    <t>1624-0693</t>
  </si>
  <si>
    <t>16240693</t>
  </si>
  <si>
    <t>09058</t>
  </si>
  <si>
    <t>Formerly known as Réanimation Urgences; transferred to Springer Verlag France as of 2011</t>
  </si>
  <si>
    <t>https://www.sciencedirect.com/science/journal/16240693</t>
  </si>
  <si>
    <t>Redox Biology</t>
  </si>
  <si>
    <t>2213-2317</t>
  </si>
  <si>
    <t>22132317</t>
  </si>
  <si>
    <t>10128</t>
  </si>
  <si>
    <t>https://www.sciencedirect.com/science/journal/22132317</t>
  </si>
  <si>
    <t>Redox in Muscle Physiology, Exercise, and Sport</t>
  </si>
  <si>
    <t>2772-6231</t>
  </si>
  <si>
    <t>27726231</t>
  </si>
  <si>
    <t>31286</t>
  </si>
  <si>
    <t>https://www.sciencedirect.com/science/journal/27726231</t>
  </si>
  <si>
    <t>REGE - Revista de Gestão</t>
  </si>
  <si>
    <t>1809-2276</t>
  </si>
  <si>
    <t>18092276</t>
  </si>
  <si>
    <t>11504</t>
  </si>
  <si>
    <t>https://www.sciencedirect.com/science/journal/18092276</t>
  </si>
  <si>
    <t>Regenerative Therapy</t>
  </si>
  <si>
    <t>2352-3204</t>
  </si>
  <si>
    <t>23523204</t>
  </si>
  <si>
    <t>18070</t>
  </si>
  <si>
    <t>https://www.sciencedirect.com/science/journal/23523204</t>
  </si>
  <si>
    <t>Regenesis Repair Rehabilitation</t>
  </si>
  <si>
    <t>2950-5755</t>
  </si>
  <si>
    <t>29505755</t>
  </si>
  <si>
    <t>31826</t>
  </si>
  <si>
    <t>https://www.sciencedirect.com/science/journal/29505755</t>
  </si>
  <si>
    <t>Regional Anesthesia and Pain Medicine</t>
  </si>
  <si>
    <t>1098-7339</t>
  </si>
  <si>
    <t>10987339</t>
  </si>
  <si>
    <t>13138</t>
  </si>
  <si>
    <t>Transferred to Lippincott Williams &amp; Wilkins as of 2009</t>
  </si>
  <si>
    <t>https://www.sciencedirect.com/science/journal/10987339</t>
  </si>
  <si>
    <t>Regional Science Policy &amp; Practice</t>
  </si>
  <si>
    <t>1757-7802</t>
  </si>
  <si>
    <t>17577802</t>
  </si>
  <si>
    <t>31669</t>
  </si>
  <si>
    <t>https://www.sciencedirect.com/science/journal/17577802</t>
  </si>
  <si>
    <t>Regional Sustainability</t>
  </si>
  <si>
    <t>2666-660X</t>
  </si>
  <si>
    <t>2666660X</t>
  </si>
  <si>
    <t>30411</t>
  </si>
  <si>
    <t>https://www.sciencedirect.com/science/journal/2666660X</t>
  </si>
  <si>
    <t>Reinforced Plastics</t>
  </si>
  <si>
    <t>0034-3617</t>
  </si>
  <si>
    <t>00343617</t>
  </si>
  <si>
    <t>02104</t>
  </si>
  <si>
    <t>https://www.sciencedirect.com/science/journal/00343617</t>
  </si>
  <si>
    <t>Religion</t>
  </si>
  <si>
    <t>0048-721X</t>
  </si>
  <si>
    <t>0048721X</t>
  </si>
  <si>
    <t>12625</t>
  </si>
  <si>
    <t>Transferred to Taylor &amp; Francis (Routledge) as of 2011</t>
  </si>
  <si>
    <t>https://www.sciencedirect.com/science/journal/0048721X</t>
  </si>
  <si>
    <t>Renewable Energy System and Equipment</t>
  </si>
  <si>
    <t>2950-208X</t>
  </si>
  <si>
    <t>2950208X</t>
  </si>
  <si>
    <t>31683</t>
  </si>
  <si>
    <t>https://www.sciencedirect.com/science/journal/2950208X</t>
  </si>
  <si>
    <t>Repertorio de Medicina y Cirugía</t>
  </si>
  <si>
    <t>0121-7372</t>
  </si>
  <si>
    <t>01217372</t>
  </si>
  <si>
    <t>16416</t>
  </si>
  <si>
    <t>https://www.sciencedirect.com/science/journal/01217372</t>
  </si>
  <si>
    <t>Reports of Practical Oncology &amp; Radiotherapy</t>
  </si>
  <si>
    <t>1507-1367</t>
  </si>
  <si>
    <t>15071367</t>
  </si>
  <si>
    <t>11000</t>
  </si>
  <si>
    <t>Transferred to Dr Lukasz Stolarczyk ViaMedica as of 2021</t>
  </si>
  <si>
    <t>https://www.sciencedirect.com/science/journal/15071367</t>
  </si>
  <si>
    <t>Reprodução &amp; Climatério</t>
  </si>
  <si>
    <t>1413-2087</t>
  </si>
  <si>
    <t>14132087</t>
  </si>
  <si>
    <t>15821</t>
  </si>
  <si>
    <t>https://www.sciencedirect.com/science/journal/14132087</t>
  </si>
  <si>
    <t>Reproduction and Breeding</t>
  </si>
  <si>
    <t>2667-0712</t>
  </si>
  <si>
    <t>26670712</t>
  </si>
  <si>
    <t>31096</t>
  </si>
  <si>
    <t>https://www.sciencedirect.com/science/journal/26670712</t>
  </si>
  <si>
    <t>Reproductive Biomedicine &amp; Society Online</t>
  </si>
  <si>
    <t>2405-6618</t>
  </si>
  <si>
    <t>24056618</t>
  </si>
  <si>
    <t>18179</t>
  </si>
  <si>
    <t>https://www.sciencedirect.com/science/journal/24056618</t>
  </si>
  <si>
    <t>Reproductive Health Matters</t>
  </si>
  <si>
    <t>0968-8080</t>
  </si>
  <si>
    <t>09688080</t>
  </si>
  <si>
    <t>04016</t>
  </si>
  <si>
    <t>https://www.sciencedirect.com/science/journal/09688080</t>
  </si>
  <si>
    <t>Research in Cold and Arid Regions</t>
  </si>
  <si>
    <t>2097-1583</t>
  </si>
  <si>
    <t>20971583</t>
  </si>
  <si>
    <t>31492</t>
  </si>
  <si>
    <t>https://www.sciencedirect.com/science/journal/20971583</t>
  </si>
  <si>
    <t>Research in Diagnostic and Interventional Imaging</t>
  </si>
  <si>
    <t>2772-6525</t>
  </si>
  <si>
    <t>27726525</t>
  </si>
  <si>
    <t>31309</t>
  </si>
  <si>
    <t>https://www.sciencedirect.com/science/journal/27726525</t>
  </si>
  <si>
    <t>Research in Globalization</t>
  </si>
  <si>
    <t>2590-051X</t>
  </si>
  <si>
    <t>2590051X</t>
  </si>
  <si>
    <t>30028</t>
  </si>
  <si>
    <t>https://www.sciencedirect.com/science/journal/2590051X</t>
  </si>
  <si>
    <t>Research and Practice in Thrombosis and Haemostasis</t>
  </si>
  <si>
    <t>2475-0379</t>
  </si>
  <si>
    <t>24750379</t>
  </si>
  <si>
    <t>31533</t>
  </si>
  <si>
    <t>https://www.sciencedirect.com/science/journal/24750379</t>
  </si>
  <si>
    <t>Resilient Cities and Structures</t>
  </si>
  <si>
    <t>2772-7416</t>
  </si>
  <si>
    <t>27727416</t>
  </si>
  <si>
    <t>31332</t>
  </si>
  <si>
    <t>https://www.sciencedirect.com/science/journal/27727416</t>
  </si>
  <si>
    <t>Resource-efficient Technologies</t>
  </si>
  <si>
    <t>2405-6537</t>
  </si>
  <si>
    <t>24056537</t>
  </si>
  <si>
    <t>18185</t>
  </si>
  <si>
    <t>https://www.sciencedirect.com/science/journal/24056537</t>
  </si>
  <si>
    <t>Resources Chemicals and Materials</t>
  </si>
  <si>
    <t>2772-4433</t>
  </si>
  <si>
    <t>27724433</t>
  </si>
  <si>
    <t>31245</t>
  </si>
  <si>
    <t>https://www.sciencedirect.com/science/journal/27724433</t>
  </si>
  <si>
    <t>Resources, Conservation &amp; Recycling: X</t>
  </si>
  <si>
    <t>2590-289X</t>
  </si>
  <si>
    <t>2590289X</t>
  </si>
  <si>
    <t>18480</t>
  </si>
  <si>
    <t>https://www.sciencedirect.com/science/journal/2590289X</t>
  </si>
  <si>
    <t>Resources, Environment and Sustainability</t>
  </si>
  <si>
    <t>2666-9161</t>
  </si>
  <si>
    <t>26669161</t>
  </si>
  <si>
    <t>31017</t>
  </si>
  <si>
    <t>https://www.sciencedirect.com/science/journal/26669161</t>
  </si>
  <si>
    <t>Respiratory Medicine Case Reports</t>
  </si>
  <si>
    <t>2213-0071</t>
  </si>
  <si>
    <t>22130071</t>
  </si>
  <si>
    <t>04118</t>
  </si>
  <si>
    <t>Formerly known as Respiratory Medicine CME</t>
  </si>
  <si>
    <t>https://www.sciencedirect.com/science/journal/22130071</t>
  </si>
  <si>
    <t>Respiratory Medicine: X</t>
  </si>
  <si>
    <t>2590-1435</t>
  </si>
  <si>
    <t>25901435</t>
  </si>
  <si>
    <t>18464</t>
  </si>
  <si>
    <t>https://www.sciencedirect.com/science/journal/25901435</t>
  </si>
  <si>
    <t>Results in Applied Mathematics</t>
  </si>
  <si>
    <t>2590-0374</t>
  </si>
  <si>
    <t>25900374</t>
  </si>
  <si>
    <t>30029</t>
  </si>
  <si>
    <t>https://www.sciencedirect.com/science/journal/25900374</t>
  </si>
  <si>
    <t>Results in Chemistry</t>
  </si>
  <si>
    <t>2211-7156</t>
  </si>
  <si>
    <t>22117156</t>
  </si>
  <si>
    <t>30061</t>
  </si>
  <si>
    <t>https://www.sciencedirect.com/science/journal/22117156</t>
  </si>
  <si>
    <t>Results in Control and Optimization</t>
  </si>
  <si>
    <t>2666-7207</t>
  </si>
  <si>
    <t>26667207</t>
  </si>
  <si>
    <t>30422</t>
  </si>
  <si>
    <t>https://www.sciencedirect.com/science/journal/26667207</t>
  </si>
  <si>
    <t>Results in Earth Sciences</t>
  </si>
  <si>
    <t>2211-7148</t>
  </si>
  <si>
    <t>22117148</t>
  </si>
  <si>
    <t>31640</t>
  </si>
  <si>
    <t>https://www.sciencedirect.com/science/journal/22117148</t>
  </si>
  <si>
    <t>Results in Engineering</t>
  </si>
  <si>
    <t>2590-1230</t>
  </si>
  <si>
    <t>25901230</t>
  </si>
  <si>
    <t>30080</t>
  </si>
  <si>
    <t>https://www.sciencedirect.com/science/journal/25901230</t>
  </si>
  <si>
    <t>Results in Geochemistry</t>
  </si>
  <si>
    <t>2666-2779</t>
  </si>
  <si>
    <t>26662779</t>
  </si>
  <si>
    <t>30278</t>
  </si>
  <si>
    <t>https://www.sciencedirect.com/science/journal/26662779</t>
  </si>
  <si>
    <t>Results in Geophysical Sciences</t>
  </si>
  <si>
    <t>2666-8289</t>
  </si>
  <si>
    <t>26668289</t>
  </si>
  <si>
    <t>30456</t>
  </si>
  <si>
    <t>https://www.sciencedirect.com/science/journal/26668289</t>
  </si>
  <si>
    <t>Results in Immunology</t>
  </si>
  <si>
    <t>2211-2839</t>
  </si>
  <si>
    <t>22112839</t>
  </si>
  <si>
    <t>08772</t>
  </si>
  <si>
    <t>https://www.sciencedirect.com/science/journal/22112839</t>
  </si>
  <si>
    <t>Results in Materials</t>
  </si>
  <si>
    <t>2590-048X</t>
  </si>
  <si>
    <t>2590048X</t>
  </si>
  <si>
    <t>30034</t>
  </si>
  <si>
    <t>https://www.sciencedirect.com/science/journal/2590048X</t>
  </si>
  <si>
    <t>Results in Optics</t>
  </si>
  <si>
    <t>2666-9501</t>
  </si>
  <si>
    <t>26669501</t>
  </si>
  <si>
    <t>31035</t>
  </si>
  <si>
    <t>https://www.sciencedirect.com/science/journal/26669501</t>
  </si>
  <si>
    <t>Results in Pharma Sciences</t>
  </si>
  <si>
    <t>2211-2863</t>
  </si>
  <si>
    <t>22112863</t>
  </si>
  <si>
    <t>08764</t>
  </si>
  <si>
    <t>https://www.sciencedirect.com/science/journal/22112863</t>
  </si>
  <si>
    <t>Results in Physics</t>
  </si>
  <si>
    <t>2211-3797</t>
  </si>
  <si>
    <t>22113797</t>
  </si>
  <si>
    <t>08777</t>
  </si>
  <si>
    <t>https://www.sciencedirect.com/science/journal/22113797</t>
  </si>
  <si>
    <t>Results in Surfaces and Interfaces</t>
  </si>
  <si>
    <t>2666-8459</t>
  </si>
  <si>
    <t>26668459</t>
  </si>
  <si>
    <t>30461</t>
  </si>
  <si>
    <t>https://www.sciencedirect.com/science/journal/26668459</t>
  </si>
  <si>
    <t>Resuscitation Plus</t>
  </si>
  <si>
    <t>2666-5204</t>
  </si>
  <si>
    <t>26665204</t>
  </si>
  <si>
    <t>30356</t>
  </si>
  <si>
    <t>https://www.sciencedirect.com/science/journal/26665204</t>
  </si>
  <si>
    <t>Review of Development Finance</t>
  </si>
  <si>
    <t>1879-9337</t>
  </si>
  <si>
    <t>18799337</t>
  </si>
  <si>
    <t>08719</t>
  </si>
  <si>
    <t>https://www.sciencedirect.com/science/journal/18799337</t>
  </si>
  <si>
    <t>Review of Financial Economics</t>
  </si>
  <si>
    <t>1058-3300</t>
  </si>
  <si>
    <t>10583300</t>
  </si>
  <si>
    <t>07440</t>
  </si>
  <si>
    <t>https://www.sciencedirect.com/science/journal/10583300</t>
  </si>
  <si>
    <t>Review of Radical Political Economics</t>
  </si>
  <si>
    <t>0486-6134</t>
  </si>
  <si>
    <t>04866134</t>
  </si>
  <si>
    <t>07446</t>
  </si>
  <si>
    <t>https://www.sciencedirect.com/science/journal/04866134</t>
  </si>
  <si>
    <t>Reviews in Physics</t>
  </si>
  <si>
    <t>2405-4283</t>
  </si>
  <si>
    <t>24054283</t>
  </si>
  <si>
    <t>18171</t>
  </si>
  <si>
    <t>https://www.sciencedirect.com/science/journal/24054283</t>
  </si>
  <si>
    <t>Revista Andaluza de Medicina del Deporte</t>
  </si>
  <si>
    <t>1888-7546</t>
  </si>
  <si>
    <t>18887546</t>
  </si>
  <si>
    <t>15968</t>
  </si>
  <si>
    <t>Transferred to Junta de Andalucia as of 2019</t>
  </si>
  <si>
    <t>https://www.sciencedirect.com/science/journal/18887546</t>
  </si>
  <si>
    <t>Revista Argentina de Anestesiología</t>
  </si>
  <si>
    <t>0370-7792</t>
  </si>
  <si>
    <t>03707792</t>
  </si>
  <si>
    <t>16418</t>
  </si>
  <si>
    <t>https://www.sciencedirect.com/science/journal/03707792</t>
  </si>
  <si>
    <t>Revista Argentina de Endocrinología y Metabolismo</t>
  </si>
  <si>
    <t>0326-4610</t>
  </si>
  <si>
    <t>03264610</t>
  </si>
  <si>
    <t>16429</t>
  </si>
  <si>
    <t>https://www.sciencedirect.com/science/journal/03264610</t>
  </si>
  <si>
    <t>Revista Argentina de Microbiología</t>
  </si>
  <si>
    <t>0325-7541</t>
  </si>
  <si>
    <t>03257541</t>
  </si>
  <si>
    <t>15822</t>
  </si>
  <si>
    <t>https://www.sciencedirect.com/science/journal/03257541</t>
  </si>
  <si>
    <t>Revista Argentina de Radiología</t>
  </si>
  <si>
    <t>0048-7619</t>
  </si>
  <si>
    <t>00487619</t>
  </si>
  <si>
    <t>16280</t>
  </si>
  <si>
    <t>https://www.sciencedirect.com/science/journal/00487619</t>
  </si>
  <si>
    <t>Revista da Associação Médica Brasileira</t>
  </si>
  <si>
    <t>0104-4230</t>
  </si>
  <si>
    <t>01044230</t>
  </si>
  <si>
    <t>15902</t>
  </si>
  <si>
    <t>Transferred back to the society as of 2014.</t>
  </si>
  <si>
    <t>https://www.sciencedirect.com/science/journal/01044230</t>
  </si>
  <si>
    <t>Revista da Associação Médica Brasileira (English Edition)</t>
  </si>
  <si>
    <t>2255-4823</t>
  </si>
  <si>
    <t>22554823</t>
  </si>
  <si>
    <t>15818</t>
  </si>
  <si>
    <t>https://www.sciencedirect.com/science/journal/22554823</t>
  </si>
  <si>
    <t>Revista Brasileira de Cardiologia Invasiva</t>
  </si>
  <si>
    <t>0104-1843</t>
  </si>
  <si>
    <t>01041843</t>
  </si>
  <si>
    <t>15987</t>
  </si>
  <si>
    <t>https://www.sciencedirect.com/science/journal/01041843</t>
  </si>
  <si>
    <t>Revista Brasileira de Cardiologia Invasiva (English Edition)</t>
  </si>
  <si>
    <t>2214-1235</t>
  </si>
  <si>
    <t>22141235</t>
  </si>
  <si>
    <t>https://www.sciencedirect.com/science/journal/22141235</t>
  </si>
  <si>
    <t>Revista Brasileira de Ciências do Esporte</t>
  </si>
  <si>
    <t>0101-3289</t>
  </si>
  <si>
    <t>01013289</t>
  </si>
  <si>
    <t>15842</t>
  </si>
  <si>
    <t>https://www.sciencedirect.com/science/journal/01013289</t>
  </si>
  <si>
    <t>Revista Brasileira de Entomologia</t>
  </si>
  <si>
    <t>0085-5626</t>
  </si>
  <si>
    <t>00855626</t>
  </si>
  <si>
    <t>15910</t>
  </si>
  <si>
    <t>https://www.sciencedirect.com/science/journal/00855626</t>
  </si>
  <si>
    <t>Revista Brasileira de Farmacognosia</t>
  </si>
  <si>
    <t>0102-695X</t>
  </si>
  <si>
    <t>0102695X</t>
  </si>
  <si>
    <t>15094</t>
  </si>
  <si>
    <t>https://www.sciencedirect.com/science/journal/0102695X</t>
  </si>
  <si>
    <t>Revista Brasileira de Hematologia e Hemoterapia</t>
  </si>
  <si>
    <t>1516-8484</t>
  </si>
  <si>
    <t>15168484</t>
  </si>
  <si>
    <t>Continued as Hematology, Transfusion and Cell Therapy</t>
  </si>
  <si>
    <t>https://www.sciencedirect.com/science/journal/15168484</t>
  </si>
  <si>
    <t>Revista Brasileira de Ortopedia</t>
  </si>
  <si>
    <t>0102-3616</t>
  </si>
  <si>
    <t>01023616</t>
  </si>
  <si>
    <t>15991</t>
  </si>
  <si>
    <t>Transferred to Thieme Verlag as of 2019</t>
  </si>
  <si>
    <t>https://www.sciencedirect.com/science/journal/01023616</t>
  </si>
  <si>
    <t>Revista Brasileira de Ortopedia (English Edition)</t>
  </si>
  <si>
    <t>2255-4971</t>
  </si>
  <si>
    <t>22554971</t>
  </si>
  <si>
    <t>15994</t>
  </si>
  <si>
    <t>https://www.sciencedirect.com/science/journal/22554971</t>
  </si>
  <si>
    <t>Revista Brasileira de Psquiatria</t>
  </si>
  <si>
    <t>1516-4446</t>
  </si>
  <si>
    <t>15164446</t>
  </si>
  <si>
    <t>15903</t>
  </si>
  <si>
    <t>https://www.sciencedirect.com/science/journal/15164446</t>
  </si>
  <si>
    <t>Revista Brasileira de Reumatologia</t>
  </si>
  <si>
    <t>0482-5004</t>
  </si>
  <si>
    <t>04825004</t>
  </si>
  <si>
    <t>15984</t>
  </si>
  <si>
    <t>https://www.sciencedirect.com/science/journal/04825004</t>
  </si>
  <si>
    <t>Revista Brasileira de Reumatologia (English Edition)</t>
  </si>
  <si>
    <t>2255-5021</t>
  </si>
  <si>
    <t>22555021</t>
  </si>
  <si>
    <t>15824</t>
  </si>
  <si>
    <t>https://www.sciencedirect.com/science/journal/22555021</t>
  </si>
  <si>
    <t>Revista Chilena de Cirugía</t>
  </si>
  <si>
    <t>0379-3893</t>
  </si>
  <si>
    <t>03793893</t>
  </si>
  <si>
    <t>16424</t>
  </si>
  <si>
    <t>https://www.sciencedirect.com/science/journal/03793893</t>
  </si>
  <si>
    <t>Revista Chilena de Ortopedia y Traumatología</t>
  </si>
  <si>
    <t>0716-4548</t>
  </si>
  <si>
    <t>07164548</t>
  </si>
  <si>
    <t>16409</t>
  </si>
  <si>
    <t>https://www.sciencedirect.com/science/journal/07164548</t>
  </si>
  <si>
    <t>Revista Chilena de Pediatría</t>
  </si>
  <si>
    <t>0370-4106</t>
  </si>
  <si>
    <t>03704106</t>
  </si>
  <si>
    <t>16843</t>
  </si>
  <si>
    <t>https://www.sciencedirect.com/science/journal/03704106</t>
  </si>
  <si>
    <t>Revista Chilena de Radiología</t>
  </si>
  <si>
    <t>0717-201X</t>
  </si>
  <si>
    <t>0717201X</t>
  </si>
  <si>
    <t>16420</t>
  </si>
  <si>
    <t>https://www.sciencedirect.com/science/journal/0717201X</t>
  </si>
  <si>
    <t>Revista Clínica de Periodoncia, Implantología y Rehabilitación Oral</t>
  </si>
  <si>
    <t>0718-5391</t>
  </si>
  <si>
    <t>07185391</t>
  </si>
  <si>
    <t>16833</t>
  </si>
  <si>
    <t>https://www.sciencedirect.com/science/journal/07185391</t>
  </si>
  <si>
    <t>Revista Colombiana de Anestesiología</t>
  </si>
  <si>
    <t>0120-3347</t>
  </si>
  <si>
    <t>01203347</t>
  </si>
  <si>
    <t>15971</t>
  </si>
  <si>
    <t>https://www.sciencedirect.com/science/journal/01203347</t>
  </si>
  <si>
    <t>Revista Colombiana de Cancerología</t>
  </si>
  <si>
    <t>0123-9015</t>
  </si>
  <si>
    <t>01239015</t>
  </si>
  <si>
    <t>16279</t>
  </si>
  <si>
    <t>https://www.sciencedirect.com/science/journal/01239015</t>
  </si>
  <si>
    <t>Revista Colombiana de Cardiología</t>
  </si>
  <si>
    <t>0120-5633</t>
  </si>
  <si>
    <t>01205633</t>
  </si>
  <si>
    <t>16352</t>
  </si>
  <si>
    <t>Transferred to Adriana Cruz (SCC) SOCIEDAD as of 2021</t>
  </si>
  <si>
    <t>https://www.sciencedirect.com/science/journal/01205633</t>
  </si>
  <si>
    <t>Revista Colombiana de Ortopedia y Traumatología</t>
  </si>
  <si>
    <t>0120-8845</t>
  </si>
  <si>
    <t>01208845</t>
  </si>
  <si>
    <t>15835</t>
  </si>
  <si>
    <t>https://www.sciencedirect.com/science/journal/01208845</t>
  </si>
  <si>
    <t>Revista de Contabilidad</t>
  </si>
  <si>
    <t>1138-4891</t>
  </si>
  <si>
    <t>11384891</t>
  </si>
  <si>
    <t>15820</t>
  </si>
  <si>
    <t>Transferred to Editum - Servicio de Publicaciones de la Universidad de Murcia as of 2019</t>
  </si>
  <si>
    <t>https://www.sciencedirect.com/science/journal/11384891</t>
  </si>
  <si>
    <t>Revista de la Educación Superior</t>
  </si>
  <si>
    <t>0185-2760</t>
  </si>
  <si>
    <t>01852760</t>
  </si>
  <si>
    <t>14402</t>
  </si>
  <si>
    <t>https://www.sciencedirect.com/science/journal/01852760</t>
  </si>
  <si>
    <t>Revista Española de Artroscopia y Cirugía Articular</t>
  </si>
  <si>
    <t>2386-3129</t>
  </si>
  <si>
    <t>23863129</t>
  </si>
  <si>
    <t>16844</t>
  </si>
  <si>
    <t>https://www.sciencedirect.com/science/journal/23863129</t>
  </si>
  <si>
    <t>Revista Española de Cirugía Oral y Maxilofacial</t>
  </si>
  <si>
    <t>1130-0558</t>
  </si>
  <si>
    <t>11300558</t>
  </si>
  <si>
    <t>15777</t>
  </si>
  <si>
    <t>https://www.sciencedirect.com/science/journal/11300558</t>
  </si>
  <si>
    <t>Revista Española de Cirugía Oral y Maxilofacial (English Edition)</t>
  </si>
  <si>
    <t>2386-401X</t>
  </si>
  <si>
    <t>2386401X</t>
  </si>
  <si>
    <t>16882</t>
  </si>
  <si>
    <t>https://www.sciencedirect.com/science/journal/2386401X</t>
  </si>
  <si>
    <t>Revista Española de Nutrición Comunitaria</t>
  </si>
  <si>
    <t>1135-3074</t>
  </si>
  <si>
    <t>11353074</t>
  </si>
  <si>
    <t>15769</t>
  </si>
  <si>
    <t>Transferred back to the society as of 2012</t>
  </si>
  <si>
    <t>https://www.sciencedirect.com/science/journal/11353074</t>
  </si>
  <si>
    <t>Revista Española de Nutrición Humana y Dietética</t>
  </si>
  <si>
    <t>2173-1292</t>
  </si>
  <si>
    <t>21731292</t>
  </si>
  <si>
    <t>Formerly known as Actividad Dietética; transferred back to the society as of 2014</t>
  </si>
  <si>
    <t>https://www.sciencedirect.com/science/journal/21731292</t>
  </si>
  <si>
    <t>Revista Española de Podología</t>
  </si>
  <si>
    <t>0210-1238</t>
  </si>
  <si>
    <t>02101238</t>
  </si>
  <si>
    <t>16427</t>
  </si>
  <si>
    <t>https://www.sciencedirect.com/science/journal/02101238</t>
  </si>
  <si>
    <t>Revista de Gastroenterología de México</t>
  </si>
  <si>
    <t>0375-0906</t>
  </si>
  <si>
    <t>03750906</t>
  </si>
  <si>
    <t>15979</t>
  </si>
  <si>
    <t>https://www.sciencedirect.com/science/journal/03750906</t>
  </si>
  <si>
    <t>Revista de Gastroenterología de México (English Edition)</t>
  </si>
  <si>
    <t>2255-534X</t>
  </si>
  <si>
    <t>2255534X</t>
  </si>
  <si>
    <t>14300</t>
  </si>
  <si>
    <t>https://www.sciencedirect.com/science/journal/2255534X</t>
  </si>
  <si>
    <t>Revista Hispanoamericana de Hernia</t>
  </si>
  <si>
    <t>2255-2677</t>
  </si>
  <si>
    <t>22552677</t>
  </si>
  <si>
    <t>15993</t>
  </si>
  <si>
    <t>https://www.sciencedirect.com/science/journal/22552677</t>
  </si>
  <si>
    <t>Revista Iberoamericana de Automática e Informática Industrial RIAI</t>
  </si>
  <si>
    <t>1697-7912</t>
  </si>
  <si>
    <t>16977912</t>
  </si>
  <si>
    <t>15956</t>
  </si>
  <si>
    <t>https://www.sciencedirect.com/science/journal/16977912</t>
  </si>
  <si>
    <t>Revista Iberoamericana de Cirugía de la Mano</t>
  </si>
  <si>
    <t>1698-8396</t>
  </si>
  <si>
    <t>16988396</t>
  </si>
  <si>
    <t>16405</t>
  </si>
  <si>
    <t>https://www.sciencedirect.com/science/journal/16988396</t>
  </si>
  <si>
    <t>Revista Iberoamericana Educacion Superior</t>
  </si>
  <si>
    <t>2007-2872</t>
  </si>
  <si>
    <t>20072872</t>
  </si>
  <si>
    <t>16881</t>
  </si>
  <si>
    <t>https://www.sciencedirect.com/science/journal/20072872</t>
  </si>
  <si>
    <t>Revista Iberoamericana de Psicología y Salud</t>
  </si>
  <si>
    <t>2171-2069</t>
  </si>
  <si>
    <t>21712069</t>
  </si>
  <si>
    <t>16884</t>
  </si>
  <si>
    <t>https://www.sciencedirect.com/science/journal/21712069</t>
  </si>
  <si>
    <t>Revista Internacional de Andrología</t>
  </si>
  <si>
    <t>1698-031X</t>
  </si>
  <si>
    <t>1698031X</t>
  </si>
  <si>
    <t>15749</t>
  </si>
  <si>
    <t>https://www.sciencedirect.com/science/journal/1698031X</t>
  </si>
  <si>
    <t>Revista Internacional de Métodos Numéricos para Cálculo y Diseño en Ingeniería</t>
  </si>
  <si>
    <t>0213-1315</t>
  </si>
  <si>
    <t>02131315</t>
  </si>
  <si>
    <t>15962</t>
  </si>
  <si>
    <t>Transferred to CIMNE as of 2018</t>
  </si>
  <si>
    <t>https://www.sciencedirect.com/science/journal/02131315</t>
  </si>
  <si>
    <t>Revista del Laboratorio Clínico</t>
  </si>
  <si>
    <t>1888-4008</t>
  </si>
  <si>
    <t>18884008</t>
  </si>
  <si>
    <t>15707</t>
  </si>
  <si>
    <t>https://www.sciencedirect.com/science/journal/18884008</t>
  </si>
  <si>
    <t>Revista Latinoamericana de Cirugía Ortopédica</t>
  </si>
  <si>
    <t>2444-9725</t>
  </si>
  <si>
    <t>24449725</t>
  </si>
  <si>
    <t>16425</t>
  </si>
  <si>
    <t>https://www.sciencedirect.com/science/journal/24449725</t>
  </si>
  <si>
    <t>Revista Latinoamericana de Derecho Social</t>
  </si>
  <si>
    <t>1870-4670</t>
  </si>
  <si>
    <t>18704670</t>
  </si>
  <si>
    <t>16876</t>
  </si>
  <si>
    <t>https://www.sciencedirect.com/science/journal/18704670</t>
  </si>
  <si>
    <t>Revista Latinoamericana de Psicología</t>
  </si>
  <si>
    <t>0120-0534</t>
  </si>
  <si>
    <t>01200534</t>
  </si>
  <si>
    <t>16839</t>
  </si>
  <si>
    <t>https://www.sciencedirect.com/science/journal/01200534</t>
  </si>
  <si>
    <t>Revista Médica Clínica Las Condes</t>
  </si>
  <si>
    <t>0716-8640</t>
  </si>
  <si>
    <t>07168640</t>
  </si>
  <si>
    <t>16837</t>
  </si>
  <si>
    <t>https://www.sciencedirect.com/science/journal/07168640</t>
  </si>
  <si>
    <t>Revista Médica de Homeopatía</t>
  </si>
  <si>
    <t>1888-8526</t>
  </si>
  <si>
    <t>18888526</t>
  </si>
  <si>
    <t>15761</t>
  </si>
  <si>
    <t>https://www.sciencedirect.com/science/journal/18888526</t>
  </si>
  <si>
    <t>Revista Médica del Hospital General de México</t>
  </si>
  <si>
    <t>0185-1063</t>
  </si>
  <si>
    <t>01851063</t>
  </si>
  <si>
    <t>14303</t>
  </si>
  <si>
    <t>Transferred to Permanyer as of 2019</t>
  </si>
  <si>
    <t>https://www.sciencedirect.com/science/journal/01851063</t>
  </si>
  <si>
    <t>Revista Mexicana de Biodiversidad</t>
  </si>
  <si>
    <t>1870-3453</t>
  </si>
  <si>
    <t>18703453</t>
  </si>
  <si>
    <t>16863</t>
  </si>
  <si>
    <t>https://www.sciencedirect.com/science/journal/18703453</t>
  </si>
  <si>
    <t>Revista Mexicana de Ciencias Políticas y Sociales</t>
  </si>
  <si>
    <t>0185-1918</t>
  </si>
  <si>
    <t>01851918</t>
  </si>
  <si>
    <t>16878</t>
  </si>
  <si>
    <t>https://www.sciencedirect.com/science/journal/01851918</t>
  </si>
  <si>
    <t>Revista Mexicana de Oftalmología</t>
  </si>
  <si>
    <t>0187-4519</t>
  </si>
  <si>
    <t>01874519</t>
  </si>
  <si>
    <t>14302</t>
  </si>
  <si>
    <t>https://www.sciencedirect.com/science/journal/01874519</t>
  </si>
  <si>
    <t>Revista Mexicana de Opinión Pública</t>
  </si>
  <si>
    <t>1870-7300</t>
  </si>
  <si>
    <t>18707300</t>
  </si>
  <si>
    <t>16880</t>
  </si>
  <si>
    <t>https://www.sciencedirect.com/science/journal/18707300</t>
  </si>
  <si>
    <t>Revista Mexicana de Ortodoncia</t>
  </si>
  <si>
    <t>2395-9215</t>
  </si>
  <si>
    <t>23959215</t>
  </si>
  <si>
    <t>16365</t>
  </si>
  <si>
    <t>https://www.sciencedirect.com/science/journal/23959215</t>
  </si>
  <si>
    <t>Revista Mexicana de Trastornos Alimentarios</t>
  </si>
  <si>
    <t>2007-1523</t>
  </si>
  <si>
    <t>20071523</t>
  </si>
  <si>
    <t>16864</t>
  </si>
  <si>
    <t>https://www.sciencedirect.com/science/journal/20071523</t>
  </si>
  <si>
    <t>Revista Mexicana de Urología</t>
  </si>
  <si>
    <t>2007-4085</t>
  </si>
  <si>
    <t>20074085</t>
  </si>
  <si>
    <t>14308</t>
  </si>
  <si>
    <t>https://www.sciencedirect.com/science/journal/20074085</t>
  </si>
  <si>
    <t>Revista Odontológica Mexicana</t>
  </si>
  <si>
    <t>1870-199X</t>
  </si>
  <si>
    <t>1870199X</t>
  </si>
  <si>
    <t>16361</t>
  </si>
  <si>
    <t>https://www.sciencedirect.com/science/journal/1870199X</t>
  </si>
  <si>
    <t>Revista de Patología Respiratoria</t>
  </si>
  <si>
    <t>1576-9895</t>
  </si>
  <si>
    <t>15769895</t>
  </si>
  <si>
    <t>15785</t>
  </si>
  <si>
    <t>https://www.sciencedirect.com/science/journal/15769895</t>
  </si>
  <si>
    <t>Revista Paulista de Pediatria</t>
  </si>
  <si>
    <t>0103-0582</t>
  </si>
  <si>
    <t>01030582</t>
  </si>
  <si>
    <t>15909</t>
  </si>
  <si>
    <t>https://www.sciencedirect.com/science/journal/01030582</t>
  </si>
  <si>
    <t>Revista Paulista de Pediatria (English Edition)</t>
  </si>
  <si>
    <t>2359-3482</t>
  </si>
  <si>
    <t>23593482</t>
  </si>
  <si>
    <t>15844</t>
  </si>
  <si>
    <t>https://www.sciencedirect.com/science/journal/23593482</t>
  </si>
  <si>
    <t>Revista del Pie y Tobillo</t>
  </si>
  <si>
    <t>1697-2198</t>
  </si>
  <si>
    <t>16972198</t>
  </si>
  <si>
    <t>16408</t>
  </si>
  <si>
    <t>https://www.sciencedirect.com/science/journal/16972198</t>
  </si>
  <si>
    <t>Revista Portuguesa de Cardiologia</t>
  </si>
  <si>
    <t>0870-2551</t>
  </si>
  <si>
    <t>08702551</t>
  </si>
  <si>
    <t>15961</t>
  </si>
  <si>
    <t>https://www.sciencedirect.com/science/journal/08702551</t>
  </si>
  <si>
    <t>Revista Portuguesa de Endocrinologia, Diabetes e Metabolismo</t>
  </si>
  <si>
    <t>1646-3439</t>
  </si>
  <si>
    <t>16463439</t>
  </si>
  <si>
    <t>15986</t>
  </si>
  <si>
    <t>https://www.sciencedirect.com/science/journal/16463439</t>
  </si>
  <si>
    <t>Revista Portuguesa de Estomatologia, Medicina Dentária e Cirurgia Maxilofacial</t>
  </si>
  <si>
    <t>1646-2890</t>
  </si>
  <si>
    <t>16462890</t>
  </si>
  <si>
    <t>15954</t>
  </si>
  <si>
    <t>https://www.sciencedirect.com/science/journal/16462890</t>
  </si>
  <si>
    <t>Revista Portuguesa de Pneumologia</t>
  </si>
  <si>
    <t>0873-2159</t>
  </si>
  <si>
    <t>08732159</t>
  </si>
  <si>
    <t>15787</t>
  </si>
  <si>
    <t>https://www.sciencedirect.com/science/journal/08732159</t>
  </si>
  <si>
    <t>Revista Portuguesa de Pneumologia (English Edition)</t>
  </si>
  <si>
    <t>2173-5115</t>
  </si>
  <si>
    <t>21735115</t>
  </si>
  <si>
    <t>15799</t>
  </si>
  <si>
    <t>Continued as Pulmonology</t>
  </si>
  <si>
    <t>https://www.sciencedirect.com/science/journal/21735115</t>
  </si>
  <si>
    <t>Revista Portuguesa de Saúde Pública</t>
  </si>
  <si>
    <t>0870-9025</t>
  </si>
  <si>
    <t>08709025</t>
  </si>
  <si>
    <t>15950</t>
  </si>
  <si>
    <t>https://www.sciencedirect.com/science/journal/08709025</t>
  </si>
  <si>
    <t>Revista de Psicología del Trabajo y de las Organizaciones</t>
  </si>
  <si>
    <t>1576-5962</t>
  </si>
  <si>
    <t>15765962</t>
  </si>
  <si>
    <t>15819</t>
  </si>
  <si>
    <t>https://www.sciencedirect.com/science/journal/15765962</t>
  </si>
  <si>
    <t>Revista de la Sociedad Española del Dolor</t>
  </si>
  <si>
    <t>1134-8046</t>
  </si>
  <si>
    <t>11348046</t>
  </si>
  <si>
    <t>15758</t>
  </si>
  <si>
    <t>https://www.sciencedirect.com/science/journal/11348046</t>
  </si>
  <si>
    <t>La Revue Gestion et Organisation</t>
  </si>
  <si>
    <t>2214-4234</t>
  </si>
  <si>
    <t>22144234</t>
  </si>
  <si>
    <t>17022</t>
  </si>
  <si>
    <t>Formerly known as Revue Libanaise de Gestion et d'Économie; Transferred back to the society as of 2019</t>
  </si>
  <si>
    <t>https://www.sciencedirect.com/science/journal/22144234</t>
  </si>
  <si>
    <t>Revue Libanaise de Gestion et d'Économie</t>
  </si>
  <si>
    <t>1999-7620</t>
  </si>
  <si>
    <t>19997620</t>
  </si>
  <si>
    <t>Continued as La Revue Gestion et Organisation</t>
  </si>
  <si>
    <t>https://www.sciencedirect.com/science/journal/19997620</t>
  </si>
  <si>
    <t>RIBAGUA - Revista Iberoamericana del Agua</t>
  </si>
  <si>
    <t>2386-3781</t>
  </si>
  <si>
    <t>23863781</t>
  </si>
  <si>
    <t>16413</t>
  </si>
  <si>
    <t>https://www.sciencedirect.com/science/journal/23863781</t>
  </si>
  <si>
    <t>Risk Sciences</t>
  </si>
  <si>
    <t>2950-6298</t>
  </si>
  <si>
    <t>29506298</t>
  </si>
  <si>
    <t>31843</t>
  </si>
  <si>
    <t>https://www.sciencedirect.com/science/journal/29506298</t>
  </si>
  <si>
    <t>Rock Mechanics Bulletin</t>
  </si>
  <si>
    <t>2773-2304</t>
  </si>
  <si>
    <t>27732304</t>
  </si>
  <si>
    <t>31470</t>
  </si>
  <si>
    <t>https://www.sciencedirect.com/science/journal/27732304</t>
  </si>
  <si>
    <t>Russian Geology and Geophysics</t>
  </si>
  <si>
    <t>1068-7971</t>
  </si>
  <si>
    <t>10687971</t>
  </si>
  <si>
    <t>08608</t>
  </si>
  <si>
    <t>https://www.sciencedirect.com/science/journal/10687971</t>
  </si>
  <si>
    <t>Russian Journal of Economics</t>
  </si>
  <si>
    <t>2405-4739</t>
  </si>
  <si>
    <t>24054739</t>
  </si>
  <si>
    <t>18210</t>
  </si>
  <si>
    <t>https://www.sciencedirect.com/science/journal/24054739</t>
  </si>
  <si>
    <t>Safety and Health at Work</t>
  </si>
  <si>
    <t>2093-7911</t>
  </si>
  <si>
    <t>20937911</t>
  </si>
  <si>
    <t>17021</t>
  </si>
  <si>
    <t>https://www.sciencedirect.com/science/journal/20937911</t>
  </si>
  <si>
    <t>SAS Journal</t>
  </si>
  <si>
    <t>1935-9810</t>
  </si>
  <si>
    <t>19359810</t>
  </si>
  <si>
    <t>Continued as The International Journal of Spine Surgery</t>
  </si>
  <si>
    <t>https://www.sciencedirect.com/science/journal/19359810</t>
  </si>
  <si>
    <t>The Saudi Dental Journal</t>
  </si>
  <si>
    <t>1013-9052</t>
  </si>
  <si>
    <t>10139052</t>
  </si>
  <si>
    <t>08685</t>
  </si>
  <si>
    <t>https://www.sciencedirect.com/science/journal/10139052</t>
  </si>
  <si>
    <t>Saudi Journal of Biological Sciences</t>
  </si>
  <si>
    <t>1319-562X</t>
  </si>
  <si>
    <t>1319562X</t>
  </si>
  <si>
    <t>08688</t>
  </si>
  <si>
    <t>https://www.sciencedirect.com/science/journal/1319562X</t>
  </si>
  <si>
    <t>The Saudi Journal for Dental Research</t>
  </si>
  <si>
    <t>2352-0035</t>
  </si>
  <si>
    <t>23520035</t>
  </si>
  <si>
    <t>Formerly known as King Saud University Journal of Dental Sciences; Title discontinued as of 2018</t>
  </si>
  <si>
    <t>https://www.sciencedirect.com/science/journal/23520035</t>
  </si>
  <si>
    <t>Saudi Journal of Ophthalmology</t>
  </si>
  <si>
    <t>1319-4534</t>
  </si>
  <si>
    <t>13194534</t>
  </si>
  <si>
    <t>08683</t>
  </si>
  <si>
    <t>Transferred back to Isha Bali Wolters Kluwer as of 2021</t>
  </si>
  <si>
    <t>https://www.sciencedirect.com/science/journal/13194534</t>
  </si>
  <si>
    <t>Saudi Pharmaceutical Journal</t>
  </si>
  <si>
    <t>1319-0164</t>
  </si>
  <si>
    <t>13190164</t>
  </si>
  <si>
    <t>08690</t>
  </si>
  <si>
    <t>https://www.sciencedirect.com/science/journal/13190164</t>
  </si>
  <si>
    <t>Scandinavian Journal of Pain</t>
  </si>
  <si>
    <t>1877-8860</t>
  </si>
  <si>
    <t>18778860</t>
  </si>
  <si>
    <t>08678</t>
  </si>
  <si>
    <t>Transferred to de Gruyter as of 2018</t>
  </si>
  <si>
    <t>https://www.sciencedirect.com/science/journal/18778860</t>
  </si>
  <si>
    <t>Schizophrenia Research: Cognition</t>
  </si>
  <si>
    <t>2215-0013</t>
  </si>
  <si>
    <t>22150013</t>
  </si>
  <si>
    <t>14191</t>
  </si>
  <si>
    <t>https://www.sciencedirect.com/science/journal/22150013</t>
  </si>
  <si>
    <t>Science in One Health</t>
  </si>
  <si>
    <t>2949-7043</t>
  </si>
  <si>
    <t>29497043</t>
  </si>
  <si>
    <t>31487</t>
  </si>
  <si>
    <t>https://www.sciencedirect.com/science/journal/29497043</t>
  </si>
  <si>
    <t>Science of Remote Sensing</t>
  </si>
  <si>
    <t>2666-0172</t>
  </si>
  <si>
    <t>26660172</t>
  </si>
  <si>
    <t>30163</t>
  </si>
  <si>
    <t>https://www.sciencedirect.com/science/journal/26660172</t>
  </si>
  <si>
    <t>Science Talks</t>
  </si>
  <si>
    <t>2772-5693</t>
  </si>
  <si>
    <t>27725693</t>
  </si>
  <si>
    <t>31268</t>
  </si>
  <si>
    <t>https://www.sciencedirect.com/science/journal/27725693</t>
  </si>
  <si>
    <t>Science and Technology of Advanced Materials</t>
  </si>
  <si>
    <t>1468-6996</t>
  </si>
  <si>
    <t>14686996</t>
  </si>
  <si>
    <t>03097</t>
  </si>
  <si>
    <t>Transferred to National Institute for Materials Science as of 2008</t>
  </si>
  <si>
    <t>https://www.sciencedirect.com/science/journal/14686996</t>
  </si>
  <si>
    <t>Science and Technology of Materials</t>
  </si>
  <si>
    <t>2603-6363</t>
  </si>
  <si>
    <t>26036363</t>
  </si>
  <si>
    <t>16282</t>
  </si>
  <si>
    <t>Formerly known as Ciência &amp; Tecnologia dos Materiais; Transferred back to the society as of 2019</t>
  </si>
  <si>
    <t>https://www.sciencedirect.com/science/journal/26036363</t>
  </si>
  <si>
    <t>Scientia Iranica</t>
  </si>
  <si>
    <t>1026-3098</t>
  </si>
  <si>
    <t>10263098</t>
  </si>
  <si>
    <t>08771</t>
  </si>
  <si>
    <t>Transferred back to the society as of 2013.</t>
  </si>
  <si>
    <t>https://www.sciencedirect.com/science/journal/10263098</t>
  </si>
  <si>
    <t>Scientific African</t>
  </si>
  <si>
    <t>2468-2276</t>
  </si>
  <si>
    <t>24682276</t>
  </si>
  <si>
    <t>18429</t>
  </si>
  <si>
    <t>https://www.sciencedirect.com/science/journal/24682276</t>
  </si>
  <si>
    <t>Sealing Technology</t>
  </si>
  <si>
    <t>1350-4789</t>
  </si>
  <si>
    <t>13504789</t>
  </si>
  <si>
    <t>02129</t>
  </si>
  <si>
    <t>https://www.sciencedirect.com/science/journal/13504789</t>
  </si>
  <si>
    <t>Seminarios de la Fundación Española de Reumatología</t>
  </si>
  <si>
    <t>1577-3566</t>
  </si>
  <si>
    <t>15773566</t>
  </si>
  <si>
    <t>15739</t>
  </si>
  <si>
    <t>https://www.sciencedirect.com/science/journal/15773566</t>
  </si>
  <si>
    <t>Sensing and Bio-Sensing Research</t>
  </si>
  <si>
    <t>2214-1804</t>
  </si>
  <si>
    <t>22141804</t>
  </si>
  <si>
    <t>18026</t>
  </si>
  <si>
    <t>https://www.sciencedirect.com/science/journal/22141804</t>
  </si>
  <si>
    <t>Sensors and Actuators Reports</t>
  </si>
  <si>
    <t>2666-0539</t>
  </si>
  <si>
    <t>26660539</t>
  </si>
  <si>
    <t>30173</t>
  </si>
  <si>
    <t>https://www.sciencedirect.com/science/journal/26660539</t>
  </si>
  <si>
    <t>Sensors International</t>
  </si>
  <si>
    <t>2666-3511</t>
  </si>
  <si>
    <t>26663511</t>
  </si>
  <si>
    <t>30305</t>
  </si>
  <si>
    <t>https://www.sciencedirect.com/science/journal/26663511</t>
  </si>
  <si>
    <t>Serials Review</t>
  </si>
  <si>
    <t>0098-7913</t>
  </si>
  <si>
    <t>00987913</t>
  </si>
  <si>
    <t>07442</t>
  </si>
  <si>
    <t>Transferred to Tayor &amp; Francis as of 2014</t>
  </si>
  <si>
    <t>https://www.sciencedirect.com/science/journal/00987913</t>
  </si>
  <si>
    <t>Sexual Medicine</t>
  </si>
  <si>
    <t>2050-1161</t>
  </si>
  <si>
    <t>20501161</t>
  </si>
  <si>
    <t>18855</t>
  </si>
  <si>
    <t>https://www.sciencedirect.com/science/journal/20501161</t>
  </si>
  <si>
    <t>Sexual Medicine Reviews</t>
  </si>
  <si>
    <t>2050-0521</t>
  </si>
  <si>
    <t>20500521</t>
  </si>
  <si>
    <t>18847</t>
  </si>
  <si>
    <t>https://www.sciencedirect.com/science/journal/20500521</t>
  </si>
  <si>
    <t>Sexuality, Reproduction and Menopause</t>
  </si>
  <si>
    <t>1546-2501</t>
  </si>
  <si>
    <t>15462501</t>
  </si>
  <si>
    <t>07776</t>
  </si>
  <si>
    <t>Transferred to Dowden Health Media as of 2007</t>
  </si>
  <si>
    <t>https://www.sciencedirect.com/science/journal/15462501</t>
  </si>
  <si>
    <t>She Ji: The Journal of Design, Economics, and Innovation</t>
  </si>
  <si>
    <t>2405-8726</t>
  </si>
  <si>
    <t>24058726</t>
  </si>
  <si>
    <t>18225</t>
  </si>
  <si>
    <t>https://www.sciencedirect.com/science/journal/24058726</t>
  </si>
  <si>
    <t>Singapore Dental Journal</t>
  </si>
  <si>
    <t>0377-5291</t>
  </si>
  <si>
    <t>03775291</t>
  </si>
  <si>
    <t>10096</t>
  </si>
  <si>
    <t>https://www.sciencedirect.com/science/journal/03775291</t>
  </si>
  <si>
    <t>SLAS Discovery</t>
  </si>
  <si>
    <t>2472-5552</t>
  </si>
  <si>
    <t>24725552</t>
  </si>
  <si>
    <t>31344</t>
  </si>
  <si>
    <t>https://www.sciencedirect.com/science/journal/24725552</t>
  </si>
  <si>
    <t>SLAS Technology</t>
  </si>
  <si>
    <t>2472-6303</t>
  </si>
  <si>
    <t>24726303</t>
  </si>
  <si>
    <t>31343</t>
  </si>
  <si>
    <t>https://www.sciencedirect.com/science/journal/24726303</t>
  </si>
  <si>
    <t>Sleep Epidemiology</t>
  </si>
  <si>
    <t>2667-3436</t>
  </si>
  <si>
    <t>26673436</t>
  </si>
  <si>
    <t>31175</t>
  </si>
  <si>
    <t>https://www.sciencedirect.com/science/journal/26673436</t>
  </si>
  <si>
    <t>Sleep Medicine: X</t>
  </si>
  <si>
    <t>2590-1427</t>
  </si>
  <si>
    <t>25901427</t>
  </si>
  <si>
    <t>18471</t>
  </si>
  <si>
    <t>https://www.sciencedirect.com/science/journal/25901427</t>
  </si>
  <si>
    <t>Sleep Science</t>
  </si>
  <si>
    <t>1984-0063</t>
  </si>
  <si>
    <t>19840063</t>
  </si>
  <si>
    <t>18088</t>
  </si>
  <si>
    <t>https://www.sciencedirect.com/science/journal/19840063</t>
  </si>
  <si>
    <t>Smart Agricultural Technology</t>
  </si>
  <si>
    <t>2772-3755</t>
  </si>
  <si>
    <t>27723755</t>
  </si>
  <si>
    <t>31216</t>
  </si>
  <si>
    <t>https://www.sciencedirect.com/science/journal/27723755</t>
  </si>
  <si>
    <t>Smart Energy</t>
  </si>
  <si>
    <t>2666-9552</t>
  </si>
  <si>
    <t>26669552</t>
  </si>
  <si>
    <t>31040</t>
  </si>
  <si>
    <t>https://www.sciencedirect.com/science/journal/26669552</t>
  </si>
  <si>
    <t>Smart Materials in Manufacturing</t>
  </si>
  <si>
    <t>2772-8102</t>
  </si>
  <si>
    <t>27728102</t>
  </si>
  <si>
    <t>31342</t>
  </si>
  <si>
    <t>https://www.sciencedirect.com/science/journal/27728102</t>
  </si>
  <si>
    <t>Smart Materials in Medicine</t>
  </si>
  <si>
    <t>2590-1834</t>
  </si>
  <si>
    <t>25901834</t>
  </si>
  <si>
    <t>30090</t>
  </si>
  <si>
    <t>https://www.sciencedirect.com/science/journal/25901834</t>
  </si>
  <si>
    <t>Smart Power &amp; Energy Security</t>
  </si>
  <si>
    <t>2949-8414</t>
  </si>
  <si>
    <t>29498414</t>
  </si>
  <si>
    <t>31562</t>
  </si>
  <si>
    <t>https://www.sciencedirect.com/science/journal/29498414</t>
  </si>
  <si>
    <t>Smart Underground Engineering</t>
  </si>
  <si>
    <t>3050-614X</t>
  </si>
  <si>
    <t>3050614X</t>
  </si>
  <si>
    <t>32051</t>
  </si>
  <si>
    <t>https://www.sciencedirect.com/science/journal/3050614X</t>
  </si>
  <si>
    <t>Social and Emotional Learning: Research, Practice, and Policy</t>
  </si>
  <si>
    <t>2773-2339</t>
  </si>
  <si>
    <t>27732339</t>
  </si>
  <si>
    <t>31457</t>
  </si>
  <si>
    <t>https://www.sciencedirect.com/science/journal/27732339</t>
  </si>
  <si>
    <t>The Social Science Journal</t>
  </si>
  <si>
    <t>0362-3319</t>
  </si>
  <si>
    <t>03623319</t>
  </si>
  <si>
    <t>07443</t>
  </si>
  <si>
    <t>https://www.sciencedirect.com/science/journal/03623319</t>
  </si>
  <si>
    <t>Social Sciences &amp; Humanities Open</t>
  </si>
  <si>
    <t>2590-2911</t>
  </si>
  <si>
    <t>25902911</t>
  </si>
  <si>
    <t>30119</t>
  </si>
  <si>
    <t>https://www.sciencedirect.com/science/journal/25902911</t>
  </si>
  <si>
    <t>Societal Impacts</t>
  </si>
  <si>
    <t>2949-6977</t>
  </si>
  <si>
    <t>29496977</t>
  </si>
  <si>
    <t>31483</t>
  </si>
  <si>
    <t>https://www.sciencedirect.com/science/journal/29496977</t>
  </si>
  <si>
    <t>Soft Computing Letters</t>
  </si>
  <si>
    <t>2666-2221</t>
  </si>
  <si>
    <t>26662221</t>
  </si>
  <si>
    <t>30253</t>
  </si>
  <si>
    <t>https://www.sciencedirect.com/science/journal/26662221</t>
  </si>
  <si>
    <t>Software Impacts</t>
  </si>
  <si>
    <t>2665-9638</t>
  </si>
  <si>
    <t>26659638</t>
  </si>
  <si>
    <t>30150</t>
  </si>
  <si>
    <t>https://www.sciencedirect.com/science/journal/26659638</t>
  </si>
  <si>
    <t>SoftwareX</t>
  </si>
  <si>
    <t>2352-7110</t>
  </si>
  <si>
    <t>23527110</t>
  </si>
  <si>
    <t>18109</t>
  </si>
  <si>
    <t>https://www.sciencedirect.com/science/journal/23527110</t>
  </si>
  <si>
    <t>Soil Advances</t>
  </si>
  <si>
    <t>2950-2896</t>
  </si>
  <si>
    <t>29502896</t>
  </si>
  <si>
    <t>31718</t>
  </si>
  <si>
    <t>https://www.sciencedirect.com/science/journal/29502896</t>
  </si>
  <si>
    <t>Soil &amp; Environmental Health</t>
  </si>
  <si>
    <t>2949-9194</t>
  </si>
  <si>
    <t>29499194</t>
  </si>
  <si>
    <t>31594</t>
  </si>
  <si>
    <t>https://www.sciencedirect.com/science/journal/29499194</t>
  </si>
  <si>
    <t>Soil Security</t>
  </si>
  <si>
    <t>2667-0062</t>
  </si>
  <si>
    <t>26670062</t>
  </si>
  <si>
    <t>31073</t>
  </si>
  <si>
    <t>https://www.sciencedirect.com/science/journal/26670062</t>
  </si>
  <si>
    <t>Soils and Foundations</t>
  </si>
  <si>
    <t>0038-0806</t>
  </si>
  <si>
    <t>00380806</t>
  </si>
  <si>
    <t>10093</t>
  </si>
  <si>
    <t>https://www.sciencedirect.com/science/journal/00380806</t>
  </si>
  <si>
    <t>Solar Compass</t>
  </si>
  <si>
    <t>2772-9400</t>
  </si>
  <si>
    <t>27729400</t>
  </si>
  <si>
    <t>31386</t>
  </si>
  <si>
    <t>https://www.sciencedirect.com/science/journal/27729400</t>
  </si>
  <si>
    <t>Solar Energy Advances</t>
  </si>
  <si>
    <t>2667-1131</t>
  </si>
  <si>
    <t>26671131</t>
  </si>
  <si>
    <t>31118</t>
  </si>
  <si>
    <t>https://www.sciencedirect.com/science/journal/26671131</t>
  </si>
  <si>
    <t>Solid Earth Sciences</t>
  </si>
  <si>
    <t>2451-912X</t>
  </si>
  <si>
    <t>2451912X</t>
  </si>
  <si>
    <t>18212</t>
  </si>
  <si>
    <t>https://www.sciencedirect.com/science/journal/2451912X</t>
  </si>
  <si>
    <t>Solid State Electronics Letters</t>
  </si>
  <si>
    <t>2589-2088</t>
  </si>
  <si>
    <t>25892088</t>
  </si>
  <si>
    <t>18423</t>
  </si>
  <si>
    <t>https://www.sciencedirect.com/science/journal/25892088</t>
  </si>
  <si>
    <t>South African Journal of Chemical Engineering</t>
  </si>
  <si>
    <t>1026-9185</t>
  </si>
  <si>
    <t>10269185</t>
  </si>
  <si>
    <t>18259</t>
  </si>
  <si>
    <t>https://www.sciencedirect.com/science/journal/10269185</t>
  </si>
  <si>
    <t>Space Habitation</t>
  </si>
  <si>
    <t>2950-6166</t>
  </si>
  <si>
    <t>29506166</t>
  </si>
  <si>
    <t>31838</t>
  </si>
  <si>
    <t>https://www.sciencedirect.com/science/journal/29506166</t>
  </si>
  <si>
    <t>Space Solar Power and Wireless Transmission</t>
  </si>
  <si>
    <t>2950-1040</t>
  </si>
  <si>
    <t>29501040</t>
  </si>
  <si>
    <t>31634</t>
  </si>
  <si>
    <t>https://www.sciencedirect.com/science/journal/29501040</t>
  </si>
  <si>
    <t>Spanish Journal of Marketing - ESIC</t>
  </si>
  <si>
    <t>2444-9695</t>
  </si>
  <si>
    <t>24449695</t>
  </si>
  <si>
    <t>16826</t>
  </si>
  <si>
    <t>Formerly Known as Revista Española de Investigación en Marketing ESIC; Transferred back to the society as of 2018</t>
  </si>
  <si>
    <t>https://www.sciencedirect.com/science/journal/24449695</t>
  </si>
  <si>
    <t>The Spanish Review of Financial Economics</t>
  </si>
  <si>
    <t>2173-1268</t>
  </si>
  <si>
    <t>21731268</t>
  </si>
  <si>
    <t>15955</t>
  </si>
  <si>
    <t>https://www.sciencedirect.com/science/journal/21731268</t>
  </si>
  <si>
    <t>Spine Deformity</t>
  </si>
  <si>
    <t>2212-134X</t>
  </si>
  <si>
    <t>2212134X</t>
  </si>
  <si>
    <t>13459</t>
  </si>
  <si>
    <t>https://www.sciencedirect.com/science/journal/2212134X</t>
  </si>
  <si>
    <t>Sport Management Review</t>
  </si>
  <si>
    <t>1441-3523</t>
  </si>
  <si>
    <t>14413523</t>
  </si>
  <si>
    <t>05612</t>
  </si>
  <si>
    <t>Transferred back to the society as of 2021</t>
  </si>
  <si>
    <t>https://www.sciencedirect.com/science/journal/14413523</t>
  </si>
  <si>
    <t>Sports Medicine and Health Science</t>
  </si>
  <si>
    <t>2666-3376</t>
  </si>
  <si>
    <t>26663376</t>
  </si>
  <si>
    <t>30280</t>
  </si>
  <si>
    <t>https://www.sciencedirect.com/science/journal/26663376</t>
  </si>
  <si>
    <t>SSM - Health Systems</t>
  </si>
  <si>
    <t>2949-8562</t>
  </si>
  <si>
    <t>29498562</t>
  </si>
  <si>
    <t>31570</t>
  </si>
  <si>
    <t>https://www.sciencedirect.com/science/journal/29498562</t>
  </si>
  <si>
    <t>SSM - Mental Health</t>
  </si>
  <si>
    <t>2666-5603</t>
  </si>
  <si>
    <t>26665603</t>
  </si>
  <si>
    <t>30380</t>
  </si>
  <si>
    <t>https://www.sciencedirect.com/science/journal/26665603</t>
  </si>
  <si>
    <t>SSM - Population Health</t>
  </si>
  <si>
    <t>2352-8273</t>
  </si>
  <si>
    <t>23528273</t>
  </si>
  <si>
    <t>18128</t>
  </si>
  <si>
    <t>https://www.sciencedirect.com/science/journal/23528273</t>
  </si>
  <si>
    <t>SSM - Qualitative Research in Health</t>
  </si>
  <si>
    <t>2667-3215</t>
  </si>
  <si>
    <t>26673215</t>
  </si>
  <si>
    <t>31172</t>
  </si>
  <si>
    <t>https://www.sciencedirect.com/science/journal/26673215</t>
  </si>
  <si>
    <t>St. Petersburg Polytechnical University Journal: Physics and Mathematics</t>
  </si>
  <si>
    <t>2405-7223</t>
  </si>
  <si>
    <t>24057223</t>
  </si>
  <si>
    <t>18152</t>
  </si>
  <si>
    <t>https://www.sciencedirect.com/science/journal/24057223</t>
  </si>
  <si>
    <t>STAR Protocols</t>
  </si>
  <si>
    <t>2666-1667</t>
  </si>
  <si>
    <t>26661667</t>
  </si>
  <si>
    <t>30182</t>
  </si>
  <si>
    <t>https://www.sciencedirect.com/science/journal/26661667</t>
  </si>
  <si>
    <t>Stem Cell Reports</t>
  </si>
  <si>
    <t>2213-6711</t>
  </si>
  <si>
    <t>22136711</t>
  </si>
  <si>
    <t>12126</t>
  </si>
  <si>
    <t>https://www.sciencedirect.com/science/journal/22136711</t>
  </si>
  <si>
    <t>Stem Cell Research</t>
  </si>
  <si>
    <t>1873-5061</t>
  </si>
  <si>
    <t>18735061</t>
  </si>
  <si>
    <t>05503</t>
  </si>
  <si>
    <t>https://www.sciencedirect.com/science/journal/18735061</t>
  </si>
  <si>
    <t>Structural Heart</t>
  </si>
  <si>
    <t>2474-8706</t>
  </si>
  <si>
    <t>24748706</t>
  </si>
  <si>
    <t>31419</t>
  </si>
  <si>
    <t>https://www.sciencedirect.com/science/journal/24748706</t>
  </si>
  <si>
    <t>Studies in Mycology</t>
  </si>
  <si>
    <t>0166-0616</t>
  </si>
  <si>
    <t>01660616</t>
  </si>
  <si>
    <t>18073</t>
  </si>
  <si>
    <t>https://www.sciencedirect.com/science/journal/01660616</t>
  </si>
  <si>
    <t>Suma de Negocios</t>
  </si>
  <si>
    <t>2215-910X</t>
  </si>
  <si>
    <t>2215910X</t>
  </si>
  <si>
    <t>16840</t>
  </si>
  <si>
    <t>https://www.sciencedirect.com/science/journal/2215910X</t>
  </si>
  <si>
    <t>Suma Psicológica</t>
  </si>
  <si>
    <t>0121-4381</t>
  </si>
  <si>
    <t>01214381</t>
  </si>
  <si>
    <t>16841</t>
  </si>
  <si>
    <t>https://www.sciencedirect.com/science/journal/01214381</t>
  </si>
  <si>
    <t>Superconductivity</t>
  </si>
  <si>
    <t>2772-8307</t>
  </si>
  <si>
    <t>27728307</t>
  </si>
  <si>
    <t>31364</t>
  </si>
  <si>
    <t>https://www.sciencedirect.com/science/journal/27728307</t>
  </si>
  <si>
    <t>Supply Chain Analytics</t>
  </si>
  <si>
    <t>2949-8635</t>
  </si>
  <si>
    <t>29498635</t>
  </si>
  <si>
    <t>31572</t>
  </si>
  <si>
    <t>https://www.sciencedirect.com/science/journal/29498635</t>
  </si>
  <si>
    <t>Supramolecular Materials</t>
  </si>
  <si>
    <t>2667-2405</t>
  </si>
  <si>
    <t>26672405</t>
  </si>
  <si>
    <t>31148</t>
  </si>
  <si>
    <t>https://www.sciencedirect.com/science/journal/26672405</t>
  </si>
  <si>
    <t>Surgery Case Reports</t>
  </si>
  <si>
    <t>2950-1032</t>
  </si>
  <si>
    <t>29501032</t>
  </si>
  <si>
    <t>31612</t>
  </si>
  <si>
    <t>https://www.sciencedirect.com/science/journal/29501032</t>
  </si>
  <si>
    <t>Surgery Open Digestive Advance</t>
  </si>
  <si>
    <t>2667-0089</t>
  </si>
  <si>
    <t>26670089</t>
  </si>
  <si>
    <t>31066</t>
  </si>
  <si>
    <t>https://www.sciencedirect.com/science/journal/26670089</t>
  </si>
  <si>
    <t>Surgery Open Science</t>
  </si>
  <si>
    <t>2589-8450</t>
  </si>
  <si>
    <t>25898450</t>
  </si>
  <si>
    <t>18932</t>
  </si>
  <si>
    <t>https://www.sciencedirect.com/science/journal/25898450</t>
  </si>
  <si>
    <t>Surgery in Practice and Science</t>
  </si>
  <si>
    <t>2666-2620</t>
  </si>
  <si>
    <t>26662620</t>
  </si>
  <si>
    <t>30272</t>
  </si>
  <si>
    <t>https://www.sciencedirect.com/science/journal/26662620</t>
  </si>
  <si>
    <t>Surgical Oncology Insight</t>
  </si>
  <si>
    <t>2950-2470</t>
  </si>
  <si>
    <t>29502470</t>
  </si>
  <si>
    <t>31674</t>
  </si>
  <si>
    <t>https://www.sciencedirect.com/science/journal/29502470</t>
  </si>
  <si>
    <t>Sustainability Analytics and Modeling</t>
  </si>
  <si>
    <t>2667-2596</t>
  </si>
  <si>
    <t>26672596</t>
  </si>
  <si>
    <t>31153</t>
  </si>
  <si>
    <t>https://www.sciencedirect.com/science/journal/26672596</t>
  </si>
  <si>
    <t>Sustainable Chemistry for the Environment</t>
  </si>
  <si>
    <t>2949-8392</t>
  </si>
  <si>
    <t>29498392</t>
  </si>
  <si>
    <t>31563</t>
  </si>
  <si>
    <t>https://www.sciencedirect.com/science/journal/29498392</t>
  </si>
  <si>
    <t>Sustainable Chemistry for Biodiversity</t>
  </si>
  <si>
    <t>3050-6212</t>
  </si>
  <si>
    <t>30506212</t>
  </si>
  <si>
    <t>32050</t>
  </si>
  <si>
    <t>https://www.sciencedirect.com/science/journal/30506212</t>
  </si>
  <si>
    <t>Sustainable Chemistry for Climate Action</t>
  </si>
  <si>
    <t>2772-8269</t>
  </si>
  <si>
    <t>27728269</t>
  </si>
  <si>
    <t>31357</t>
  </si>
  <si>
    <t>https://www.sciencedirect.com/science/journal/27728269</t>
  </si>
  <si>
    <t>Sustainable Environment Research</t>
  </si>
  <si>
    <t>2468-2039</t>
  </si>
  <si>
    <t>24682039</t>
  </si>
  <si>
    <t>18331</t>
  </si>
  <si>
    <t>Transferred to BioMedCentral as of 2019</t>
  </si>
  <si>
    <t>https://www.sciencedirect.com/science/journal/24682039</t>
  </si>
  <si>
    <t>Sustainable Futures</t>
  </si>
  <si>
    <t>2666-1888</t>
  </si>
  <si>
    <t>26661888</t>
  </si>
  <si>
    <t>30238</t>
  </si>
  <si>
    <t>https://www.sciencedirect.com/science/journal/26661888</t>
  </si>
  <si>
    <t>Sustainable Geosciences: People, Planet and Prosperity</t>
  </si>
  <si>
    <t>2950-4929</t>
  </si>
  <si>
    <t>29504929</t>
  </si>
  <si>
    <t>31806</t>
  </si>
  <si>
    <t>https://www.sciencedirect.com/science/journal/29504929</t>
  </si>
  <si>
    <t>Sustainable Horizons</t>
  </si>
  <si>
    <t>2772-7378</t>
  </si>
  <si>
    <t>27727378</t>
  </si>
  <si>
    <t>31330</t>
  </si>
  <si>
    <t>https://www.sciencedirect.com/science/journal/27727378</t>
  </si>
  <si>
    <t>Sustainable Manufacturing and Service Economics</t>
  </si>
  <si>
    <t>2667-3444</t>
  </si>
  <si>
    <t>26673444</t>
  </si>
  <si>
    <t>31176</t>
  </si>
  <si>
    <t>https://www.sciencedirect.com/science/journal/26673444</t>
  </si>
  <si>
    <t>Sustainable Operations and Computers</t>
  </si>
  <si>
    <t>2666-4127</t>
  </si>
  <si>
    <t>26664127</t>
  </si>
  <si>
    <t>30317</t>
  </si>
  <si>
    <t>https://www.sciencedirect.com/science/journal/26664127</t>
  </si>
  <si>
    <t>Sustainable Technology and Entrepreneurship</t>
  </si>
  <si>
    <t>2773-0328</t>
  </si>
  <si>
    <t>27730328</t>
  </si>
  <si>
    <t>31401</t>
  </si>
  <si>
    <t>https://www.sciencedirect.com/science/journal/27730328</t>
  </si>
  <si>
    <t>Synthetic and Systems Biotechnology</t>
  </si>
  <si>
    <t>2405-805X</t>
  </si>
  <si>
    <t>2405805X</t>
  </si>
  <si>
    <t>18215</t>
  </si>
  <si>
    <t>https://www.sciencedirect.com/science/journal/2405805X</t>
  </si>
  <si>
    <t>Systems Engineering Procedia</t>
  </si>
  <si>
    <t>2211-3819</t>
  </si>
  <si>
    <t>22113819</t>
  </si>
  <si>
    <t>12948</t>
  </si>
  <si>
    <t>Title discontinued as of 2013</t>
  </si>
  <si>
    <t>https://www.sciencedirect.com/science/journal/22113819</t>
  </si>
  <si>
    <t>Taiwan Journal of Ophthalmology</t>
  </si>
  <si>
    <t>2211-5056</t>
  </si>
  <si>
    <t>22115056</t>
  </si>
  <si>
    <t>08784</t>
  </si>
  <si>
    <t>https://www.sciencedirect.com/science/journal/22115056</t>
  </si>
  <si>
    <t>Talanta Open</t>
  </si>
  <si>
    <t>2666-8319</t>
  </si>
  <si>
    <t>26668319</t>
  </si>
  <si>
    <t>30460</t>
  </si>
  <si>
    <t>https://www.sciencedirect.com/science/journal/26668319</t>
  </si>
  <si>
    <t>Tanta Dental Journal</t>
  </si>
  <si>
    <t>1687-8574</t>
  </si>
  <si>
    <t>16878574</t>
  </si>
  <si>
    <t>18046</t>
  </si>
  <si>
    <t>https://www.sciencedirect.com/science/journal/16878574</t>
  </si>
  <si>
    <t>TAO</t>
  </si>
  <si>
    <t>3050-5283</t>
  </si>
  <si>
    <t>30505283</t>
  </si>
  <si>
    <t>32003</t>
  </si>
  <si>
    <t>https://www.sciencedirect.com/science/journal/30505283</t>
  </si>
  <si>
    <t>Teaching and Teacher Education: Leadership and Professional Development</t>
  </si>
  <si>
    <t>2667-3207</t>
  </si>
  <si>
    <t>26673207</t>
  </si>
  <si>
    <t>31171</t>
  </si>
  <si>
    <t>https://www.sciencedirect.com/science/journal/26673207</t>
  </si>
  <si>
    <t>Technical Innovations &amp; Patient Support in Radiation Oncology</t>
  </si>
  <si>
    <t>2405-6324</t>
  </si>
  <si>
    <t>24056324</t>
  </si>
  <si>
    <t>08191</t>
  </si>
  <si>
    <t>https://www.sciencedirect.com/science/journal/24056324</t>
  </si>
  <si>
    <t>Technical Tips Online</t>
  </si>
  <si>
    <t>1366-2120</t>
  </si>
  <si>
    <t>13662120</t>
  </si>
  <si>
    <t>04106</t>
  </si>
  <si>
    <t>Title discontinued as of 2003</t>
  </si>
  <si>
    <t>https://www.sciencedirect.com/science/journal/13662120</t>
  </si>
  <si>
    <t>Tékhne</t>
  </si>
  <si>
    <t>1645-9911</t>
  </si>
  <si>
    <t>16459911</t>
  </si>
  <si>
    <t>15981</t>
  </si>
  <si>
    <t>https://www.sciencedirect.com/science/journal/16459911</t>
  </si>
  <si>
    <t>Telematics and Informatics Reports</t>
  </si>
  <si>
    <t>2772-5030</t>
  </si>
  <si>
    <t>27725030</t>
  </si>
  <si>
    <t>31253</t>
  </si>
  <si>
    <t>https://www.sciencedirect.com/science/journal/27725030</t>
  </si>
  <si>
    <t>Tetrahedron Chem</t>
  </si>
  <si>
    <t>2666-951X</t>
  </si>
  <si>
    <t>2666951X</t>
  </si>
  <si>
    <t>31034</t>
  </si>
  <si>
    <t>https://www.sciencedirect.com/science/journal/2666951X</t>
  </si>
  <si>
    <t>Tetrahedron Green Chem</t>
  </si>
  <si>
    <t>2773-2231</t>
  </si>
  <si>
    <t>27732231</t>
  </si>
  <si>
    <t>31461</t>
  </si>
  <si>
    <t>https://www.sciencedirect.com/science/journal/27732231</t>
  </si>
  <si>
    <t>Thalamus &amp; Related Systems</t>
  </si>
  <si>
    <t>1472-9288</t>
  </si>
  <si>
    <t>14729288</t>
  </si>
  <si>
    <t>03062</t>
  </si>
  <si>
    <t>Transferred to Cambridge University Press as of 2005</t>
  </si>
  <si>
    <t>https://www.sciencedirect.com/science/journal/14729288</t>
  </si>
  <si>
    <t>The Lancet Obstetrics, Gynaecology, &amp; Women’s Health</t>
  </si>
  <si>
    <t>3050-5038</t>
  </si>
  <si>
    <t>30505038</t>
  </si>
  <si>
    <t>31981</t>
  </si>
  <si>
    <t>https://www.sciencedirect.com/science/journal/30505038</t>
  </si>
  <si>
    <t>Theoretical and Applied Mechanics Letters</t>
  </si>
  <si>
    <t>2095-0349</t>
  </si>
  <si>
    <t>20950349</t>
  </si>
  <si>
    <t>18149</t>
  </si>
  <si>
    <t>https://www.sciencedirect.com/science/journal/20950349</t>
  </si>
  <si>
    <t>Theory in Biosciences</t>
  </si>
  <si>
    <t>1431-7613</t>
  </si>
  <si>
    <t>14317613</t>
  </si>
  <si>
    <t>10013</t>
  </si>
  <si>
    <t>Transferred to Springer Verlag as of 2007</t>
  </si>
  <si>
    <t>https://www.sciencedirect.com/science/journal/14317613</t>
  </si>
  <si>
    <t>Theriogenology Wild</t>
  </si>
  <si>
    <t>2773-093X</t>
  </si>
  <si>
    <t>2773093X</t>
  </si>
  <si>
    <t>31437</t>
  </si>
  <si>
    <t>https://www.sciencedirect.com/science/journal/2773093X</t>
  </si>
  <si>
    <t>Thrombosis Update</t>
  </si>
  <si>
    <t>2666-5727</t>
  </si>
  <si>
    <t>26665727</t>
  </si>
  <si>
    <t>30357</t>
  </si>
  <si>
    <t>https://www.sciencedirect.com/science/journal/26665727</t>
  </si>
  <si>
    <t>Thyroid Science</t>
  </si>
  <si>
    <t>2950-3000</t>
  </si>
  <si>
    <t>29503000</t>
  </si>
  <si>
    <t>31717</t>
  </si>
  <si>
    <t>https://www.sciencedirect.com/science/journal/29503000</t>
  </si>
  <si>
    <t>TIP</t>
  </si>
  <si>
    <t>1405-888X</t>
  </si>
  <si>
    <t>1405888X</t>
  </si>
  <si>
    <t>16869</t>
  </si>
  <si>
    <t>https://www.sciencedirect.com/science/journal/1405888X</t>
  </si>
  <si>
    <t>Tomography of Materials and Structures</t>
  </si>
  <si>
    <t>2949-673X</t>
  </si>
  <si>
    <t>2949673X</t>
  </si>
  <si>
    <t>31477</t>
  </si>
  <si>
    <t>https://www.sciencedirect.com/science/journal/2949673X</t>
  </si>
  <si>
    <t>Total Environment Microbiology</t>
  </si>
  <si>
    <t>3050-6417</t>
  </si>
  <si>
    <t>30506417</t>
  </si>
  <si>
    <t>32060</t>
  </si>
  <si>
    <t>https://www.sciencedirect.com/science/journal/30506417</t>
  </si>
  <si>
    <t>Total Environment Research Themes</t>
  </si>
  <si>
    <t>2772-8099</t>
  </si>
  <si>
    <t>27728099</t>
  </si>
  <si>
    <t>31350</t>
  </si>
  <si>
    <t>https://www.sciencedirect.com/science/journal/27728099</t>
  </si>
  <si>
    <t>Toxicological Sciences</t>
  </si>
  <si>
    <t>1096-6080</t>
  </si>
  <si>
    <t>10966080</t>
  </si>
  <si>
    <t>Formerly known as Fundamental and Applied Toxicology; transferred to Oxford University Press as of 1999</t>
  </si>
  <si>
    <t>https://www.sciencedirect.com/science/journal/10966080</t>
  </si>
  <si>
    <t>Toxicology Reports</t>
  </si>
  <si>
    <t>2214-7500</t>
  </si>
  <si>
    <t>22147500</t>
  </si>
  <si>
    <t>13466</t>
  </si>
  <si>
    <t>https://www.sciencedirect.com/science/journal/22147500</t>
  </si>
  <si>
    <t>Toxicon: X</t>
  </si>
  <si>
    <t>2590-1710</t>
  </si>
  <si>
    <t>25901710</t>
  </si>
  <si>
    <t>18474</t>
  </si>
  <si>
    <t>https://www.sciencedirect.com/science/journal/25901710</t>
  </si>
  <si>
    <t>Transactions of A. Razmadze Mathematical Institute</t>
  </si>
  <si>
    <t>2346-8092</t>
  </si>
  <si>
    <t>23468092</t>
  </si>
  <si>
    <t>18294</t>
  </si>
  <si>
    <t>https://www.sciencedirect.com/science/journal/23468092</t>
  </si>
  <si>
    <t>Transactions of the Royal Society of Tropical Medicine and Hygiene</t>
  </si>
  <si>
    <t>0035-9203</t>
  </si>
  <si>
    <t>00359203</t>
  </si>
  <si>
    <t>04058</t>
  </si>
  <si>
    <t>https://www.sciencedirect.com/science/journal/00359203</t>
  </si>
  <si>
    <t>Transcranial Magnetic Stimulation</t>
  </si>
  <si>
    <t>3050-5291</t>
  </si>
  <si>
    <t>30505291</t>
  </si>
  <si>
    <t>32011</t>
  </si>
  <si>
    <t>https://www.sciencedirect.com/science/journal/30505291</t>
  </si>
  <si>
    <t>Translational Dental Research</t>
  </si>
  <si>
    <t>2950-3485</t>
  </si>
  <si>
    <t>29503485</t>
  </si>
  <si>
    <t>31722</t>
  </si>
  <si>
    <t>https://www.sciencedirect.com/science/journal/29503485</t>
  </si>
  <si>
    <t>Translational Medicine of Aging</t>
  </si>
  <si>
    <t>2468-5011</t>
  </si>
  <si>
    <t>24685011</t>
  </si>
  <si>
    <t>18373</t>
  </si>
  <si>
    <t>https://www.sciencedirect.com/science/journal/24685011</t>
  </si>
  <si>
    <t>Translational Metabolic Syndrome Research</t>
  </si>
  <si>
    <t>2588-9303</t>
  </si>
  <si>
    <t>25889303</t>
  </si>
  <si>
    <t>18418</t>
  </si>
  <si>
    <t>https://www.sciencedirect.com/science/journal/25889303</t>
  </si>
  <si>
    <t>Translational Oncology</t>
  </si>
  <si>
    <t>1936-5233</t>
  </si>
  <si>
    <t>19365233</t>
  </si>
  <si>
    <t>14194</t>
  </si>
  <si>
    <t>https://www.sciencedirect.com/science/journal/19365233</t>
  </si>
  <si>
    <t>Translational Proteomics</t>
  </si>
  <si>
    <t>2212-9626</t>
  </si>
  <si>
    <t>22129626</t>
  </si>
  <si>
    <t>10155</t>
  </si>
  <si>
    <t>https://www.sciencedirect.com/science/journal/22129626</t>
  </si>
  <si>
    <t>Translational Research in Anatomy</t>
  </si>
  <si>
    <t>2214-854X</t>
  </si>
  <si>
    <t>2214854X</t>
  </si>
  <si>
    <t>10517</t>
  </si>
  <si>
    <t>https://www.sciencedirect.com/science/journal/2214854X</t>
  </si>
  <si>
    <t>Transnational Corporations Review</t>
  </si>
  <si>
    <t>1925-2099</t>
  </si>
  <si>
    <t>19252099</t>
  </si>
  <si>
    <t>31626</t>
  </si>
  <si>
    <t>https://www.sciencedirect.com/science/journal/19252099</t>
  </si>
  <si>
    <t>Transplantation Reports</t>
  </si>
  <si>
    <t>2451-9596</t>
  </si>
  <si>
    <t>24519596</t>
  </si>
  <si>
    <t>18852</t>
  </si>
  <si>
    <t>https://www.sciencedirect.com/science/journal/24519596</t>
  </si>
  <si>
    <t>Transport Economics and Management</t>
  </si>
  <si>
    <t>2949-8996</t>
  </si>
  <si>
    <t>29498996</t>
  </si>
  <si>
    <t>31588</t>
  </si>
  <si>
    <t>https://www.sciencedirect.com/science/journal/29498996</t>
  </si>
  <si>
    <t>Transportation Research Interdisciplinary Perspectives</t>
  </si>
  <si>
    <t>2590-1982</t>
  </si>
  <si>
    <t>25901982</t>
  </si>
  <si>
    <t>30095</t>
  </si>
  <si>
    <t>https://www.sciencedirect.com/science/journal/25901982</t>
  </si>
  <si>
    <t>Transportation Research Procedia</t>
  </si>
  <si>
    <t>2352-1465</t>
  </si>
  <si>
    <t>23521465</t>
  </si>
  <si>
    <t>17736</t>
  </si>
  <si>
    <t>https://www.sciencedirect.com/science/journal/23521465</t>
  </si>
  <si>
    <t>Trauma Case Reports</t>
  </si>
  <si>
    <t>2352-6440</t>
  </si>
  <si>
    <t>23526440</t>
  </si>
  <si>
    <t>18090</t>
  </si>
  <si>
    <t>https://www.sciencedirect.com/science/journal/23526440</t>
  </si>
  <si>
    <t>Trees, Forests and People</t>
  </si>
  <si>
    <t>2666-7193</t>
  </si>
  <si>
    <t>26667193</t>
  </si>
  <si>
    <t>30428</t>
  </si>
  <si>
    <t>https://www.sciencedirect.com/science/journal/26667193</t>
  </si>
  <si>
    <t>Tropical Agriculture Science</t>
  </si>
  <si>
    <t>2950-5100</t>
  </si>
  <si>
    <t>29505100</t>
  </si>
  <si>
    <t>31809</t>
  </si>
  <si>
    <t>https://www.sciencedirect.com/science/journal/29505100</t>
  </si>
  <si>
    <t>Tropical Cyclone Research and Review</t>
  </si>
  <si>
    <t>2225-6032</t>
  </si>
  <si>
    <t>22256032</t>
  </si>
  <si>
    <t>18430</t>
  </si>
  <si>
    <t>https://www.sciencedirect.com/science/journal/22256032</t>
  </si>
  <si>
    <t>Tsinghua Science &amp; Technology</t>
  </si>
  <si>
    <t>1007-0214</t>
  </si>
  <si>
    <t>10070214</t>
  </si>
  <si>
    <t>04071</t>
  </si>
  <si>
    <t>https://www.sciencedirect.com/science/journal/10070214</t>
  </si>
  <si>
    <t>Tumour Virus Research</t>
  </si>
  <si>
    <t>2666-6790</t>
  </si>
  <si>
    <t>26666790</t>
  </si>
  <si>
    <t>18141</t>
  </si>
  <si>
    <t>https://www.sciencedirect.com/science/journal/26666790</t>
  </si>
  <si>
    <t>Turkish Journal of Emergency Medicine</t>
  </si>
  <si>
    <t>2452-2473</t>
  </si>
  <si>
    <t>24522473</t>
  </si>
  <si>
    <t>18219</t>
  </si>
  <si>
    <t>https://www.sciencedirect.com/science/journal/24522473</t>
  </si>
  <si>
    <t>Tzu Chi Medical Journal</t>
  </si>
  <si>
    <t>1016-3190</t>
  </si>
  <si>
    <t>10163190</t>
  </si>
  <si>
    <t>08650</t>
  </si>
  <si>
    <t>https://www.sciencedirect.com/science/journal/10163190</t>
  </si>
  <si>
    <t>Ultrasonic Imaging</t>
  </si>
  <si>
    <t>0161-7346</t>
  </si>
  <si>
    <t>01617346</t>
  </si>
  <si>
    <t>03NJO</t>
  </si>
  <si>
    <t>Transferred to Dynamedia Inc. as of 1996</t>
  </si>
  <si>
    <t>https://www.sciencedirect.com/science/journal/01617346</t>
  </si>
  <si>
    <t>UMK Procedia</t>
  </si>
  <si>
    <t>2214-0115</t>
  </si>
  <si>
    <t>22140115</t>
  </si>
  <si>
    <t>17006</t>
  </si>
  <si>
    <t>https://www.sciencedirect.com/science/journal/22140115</t>
  </si>
  <si>
    <t>Unconventional Resources</t>
  </si>
  <si>
    <t>2666-5190</t>
  </si>
  <si>
    <t>26665190</t>
  </si>
  <si>
    <t>30354</t>
  </si>
  <si>
    <t>https://www.sciencedirect.com/science/journal/26665190</t>
  </si>
  <si>
    <t>Underground Space</t>
  </si>
  <si>
    <t>2467-9674</t>
  </si>
  <si>
    <t>24679674</t>
  </si>
  <si>
    <t>18235</t>
  </si>
  <si>
    <t>https://www.sciencedirect.com/science/journal/24679674</t>
  </si>
  <si>
    <t>Urban Governance</t>
  </si>
  <si>
    <t>2664-3286</t>
  </si>
  <si>
    <t>26643286</t>
  </si>
  <si>
    <t>31179</t>
  </si>
  <si>
    <t>https://www.sciencedirect.com/science/journal/26643286</t>
  </si>
  <si>
    <t>URINE</t>
  </si>
  <si>
    <t>2590-2806</t>
  </si>
  <si>
    <t>25902806</t>
  </si>
  <si>
    <t>30117</t>
  </si>
  <si>
    <t>https://www.sciencedirect.com/science/journal/25902806</t>
  </si>
  <si>
    <t>Urología Colombiana</t>
  </si>
  <si>
    <t>0120-789X</t>
  </si>
  <si>
    <t>0120789X</t>
  </si>
  <si>
    <t>16827</t>
  </si>
  <si>
    <t>https://www.sciencedirect.com/science/journal/0120789X</t>
  </si>
  <si>
    <t>Urological Science</t>
  </si>
  <si>
    <t>1879-5226</t>
  </si>
  <si>
    <t>18795226</t>
  </si>
  <si>
    <t>08711</t>
  </si>
  <si>
    <t>https://www.sciencedirect.com/science/journal/18795226</t>
  </si>
  <si>
    <t>Urology Case Reports</t>
  </si>
  <si>
    <t>2214-4420</t>
  </si>
  <si>
    <t>22144420</t>
  </si>
  <si>
    <t>14156</t>
  </si>
  <si>
    <t>https://www.sciencedirect.com/science/journal/22144420</t>
  </si>
  <si>
    <t>Urology Practice</t>
  </si>
  <si>
    <t>2352-0779</t>
  </si>
  <si>
    <t>23520779</t>
  </si>
  <si>
    <t>18747</t>
  </si>
  <si>
    <t>https://www.sciencedirect.com/science/journal/23520779</t>
  </si>
  <si>
    <t>Urology Video Journal</t>
  </si>
  <si>
    <t>2590-0897</t>
  </si>
  <si>
    <t>25900897</t>
  </si>
  <si>
    <t>30059</t>
  </si>
  <si>
    <t>https://www.sciencedirect.com/science/journal/25900897</t>
  </si>
  <si>
    <t>USSR Computational Mathematics and Mathematical Physics</t>
  </si>
  <si>
    <t>0041-5553</t>
  </si>
  <si>
    <t>00415553</t>
  </si>
  <si>
    <t>00283</t>
  </si>
  <si>
    <t>https://www.sciencedirect.com/science/journal/00415553</t>
  </si>
  <si>
    <t>Vaccine Reports</t>
  </si>
  <si>
    <t>2405-7843</t>
  </si>
  <si>
    <t>24057843</t>
  </si>
  <si>
    <t>08767</t>
  </si>
  <si>
    <t>Formerly known as Trials in Vaccinology; Title discontinued as of 2018</t>
  </si>
  <si>
    <t>https://www.sciencedirect.com/science/journal/24057843</t>
  </si>
  <si>
    <t>Vaccine: X</t>
  </si>
  <si>
    <t>2590-1362</t>
  </si>
  <si>
    <t>25901362</t>
  </si>
  <si>
    <t>18469</t>
  </si>
  <si>
    <t>https://www.sciencedirect.com/science/journal/25901362</t>
  </si>
  <si>
    <t>Veterinary and Animal Science</t>
  </si>
  <si>
    <t>2451-943X</t>
  </si>
  <si>
    <t>2451943X</t>
  </si>
  <si>
    <t>18258</t>
  </si>
  <si>
    <t>https://www.sciencedirect.com/science/journal/2451943X</t>
  </si>
  <si>
    <t>Veterinary Clinics of North America: Large Animal Practice</t>
  </si>
  <si>
    <t>0196-9846</t>
  </si>
  <si>
    <t>01969846</t>
  </si>
  <si>
    <t>13006</t>
  </si>
  <si>
    <t>Formerly part of Veterinary Clinics of North America; Continued as Veterinary Clinics of North America: Equine Practice and Veterinary Clinics of North America: Food Animal Practice</t>
  </si>
  <si>
    <t>https://www.sciencedirect.com/science/journal/01969846</t>
  </si>
  <si>
    <t>Veterinary Vaccine</t>
  </si>
  <si>
    <t>2772-5359</t>
  </si>
  <si>
    <t>27725359</t>
  </si>
  <si>
    <t>31260</t>
  </si>
  <si>
    <t>https://www.sciencedirect.com/science/journal/27725359</t>
  </si>
  <si>
    <t>Video Journal and Encyclopedia of GI Endoscopy</t>
  </si>
  <si>
    <t>2212-0971</t>
  </si>
  <si>
    <t>22120971</t>
  </si>
  <si>
    <t>10076</t>
  </si>
  <si>
    <t>https://www.sciencedirect.com/science/journal/22120971</t>
  </si>
  <si>
    <t>VideoGIE</t>
  </si>
  <si>
    <t>2468-4481</t>
  </si>
  <si>
    <t>24684481</t>
  </si>
  <si>
    <t>18886</t>
  </si>
  <si>
    <t>https://www.sciencedirect.com/science/journal/24684481</t>
  </si>
  <si>
    <t>Virologica Sinica</t>
  </si>
  <si>
    <t>1995-820X</t>
  </si>
  <si>
    <t>1995820X</t>
  </si>
  <si>
    <t>31410</t>
  </si>
  <si>
    <t>https://www.sciencedirect.com/science/journal/1995820X</t>
  </si>
  <si>
    <t>Virology Reports</t>
  </si>
  <si>
    <t>2214-6695</t>
  </si>
  <si>
    <t>22146695</t>
  </si>
  <si>
    <t>17217</t>
  </si>
  <si>
    <t>https://www.sciencedirect.com/science/journal/22146695</t>
  </si>
  <si>
    <t>Virtual Reality &amp; Intelligent Hardware</t>
  </si>
  <si>
    <t>2096-5796</t>
  </si>
  <si>
    <t>20965796</t>
  </si>
  <si>
    <t>30209</t>
  </si>
  <si>
    <t>https://www.sciencedirect.com/science/journal/20965796</t>
  </si>
  <si>
    <t>Visual Informatics</t>
  </si>
  <si>
    <t>2468-502X</t>
  </si>
  <si>
    <t>2468502X</t>
  </si>
  <si>
    <t>18375</t>
  </si>
  <si>
    <t>https://www.sciencedirect.com/science/journal/2468502X</t>
  </si>
  <si>
    <t>Waste Management Bulletin</t>
  </si>
  <si>
    <t>2949-7507</t>
  </si>
  <si>
    <t>29497507</t>
  </si>
  <si>
    <t>31500</t>
  </si>
  <si>
    <t>https://www.sciencedirect.com/science/journal/29497507</t>
  </si>
  <si>
    <t>Waste Management &amp; Research</t>
  </si>
  <si>
    <t>0734-242X</t>
  </si>
  <si>
    <t>0734242X</t>
  </si>
  <si>
    <t>WMRE</t>
  </si>
  <si>
    <t>Transferred to International Solid Wastes and Public Cleansing Association as of 1997</t>
  </si>
  <si>
    <t>https://www.sciencedirect.com/science/journal/0734242X</t>
  </si>
  <si>
    <t>Water Biology and Security</t>
  </si>
  <si>
    <t>2772-7351</t>
  </si>
  <si>
    <t>27727351</t>
  </si>
  <si>
    <t>31329</t>
  </si>
  <si>
    <t>https://www.sciencedirect.com/science/journal/27727351</t>
  </si>
  <si>
    <t>Water Cycle</t>
  </si>
  <si>
    <t>2666-4453</t>
  </si>
  <si>
    <t>26664453</t>
  </si>
  <si>
    <t>30330</t>
  </si>
  <si>
    <t>https://www.sciencedirect.com/science/journal/26664453</t>
  </si>
  <si>
    <t>Water-Energy Nexus</t>
  </si>
  <si>
    <t>2588-9125</t>
  </si>
  <si>
    <t>25889125</t>
  </si>
  <si>
    <t>18415</t>
  </si>
  <si>
    <t>https://www.sciencedirect.com/science/journal/25889125</t>
  </si>
  <si>
    <t>Water Policy</t>
  </si>
  <si>
    <t>1366-7017</t>
  </si>
  <si>
    <t>13667017</t>
  </si>
  <si>
    <t>01013</t>
  </si>
  <si>
    <t>Transferred to the International Water Association as of 2003</t>
  </si>
  <si>
    <t>https://www.sciencedirect.com/science/journal/13667017</t>
  </si>
  <si>
    <t>Water Research X</t>
  </si>
  <si>
    <t>2589-9147</t>
  </si>
  <si>
    <t>25899147</t>
  </si>
  <si>
    <t>18447</t>
  </si>
  <si>
    <t>https://www.sciencedirect.com/science/journal/25899147</t>
  </si>
  <si>
    <t>Water Resources and Industry</t>
  </si>
  <si>
    <t>2212-3717</t>
  </si>
  <si>
    <t>22123717</t>
  </si>
  <si>
    <t>10094</t>
  </si>
  <si>
    <t>https://www.sciencedirect.com/science/journal/22123717</t>
  </si>
  <si>
    <t>Water Science</t>
  </si>
  <si>
    <t>1110-4929</t>
  </si>
  <si>
    <t>11104929</t>
  </si>
  <si>
    <t>18054</t>
  </si>
  <si>
    <t>https://www.sciencedirect.com/science/journal/11104929</t>
  </si>
  <si>
    <t>Water Science and Engineering</t>
  </si>
  <si>
    <t>1674-2370</t>
  </si>
  <si>
    <t>16742370</t>
  </si>
  <si>
    <t>18175</t>
  </si>
  <si>
    <t>https://www.sciencedirect.com/science/journal/16742370</t>
  </si>
  <si>
    <t>Water Science and Technology</t>
  </si>
  <si>
    <t>0273-1223</t>
  </si>
  <si>
    <t>02731223</t>
  </si>
  <si>
    <t>00464</t>
  </si>
  <si>
    <t>Transferred to The International Water Association as of 2000</t>
  </si>
  <si>
    <t>https://www.sciencedirect.com/science/journal/02731223</t>
  </si>
  <si>
    <t>Watershed Ecology and the Environment</t>
  </si>
  <si>
    <t>2589-4714</t>
  </si>
  <si>
    <t>25894714</t>
  </si>
  <si>
    <t>18437</t>
  </si>
  <si>
    <t>https://www.sciencedirect.com/science/journal/25894714</t>
  </si>
  <si>
    <t>Wearable Electronics</t>
  </si>
  <si>
    <t>2950-2357</t>
  </si>
  <si>
    <t>29502357</t>
  </si>
  <si>
    <t>31673</t>
  </si>
  <si>
    <t>https://www.sciencedirect.com/science/journal/29502357</t>
  </si>
  <si>
    <t>Weather and Climate Extremes</t>
  </si>
  <si>
    <t>2212-0947</t>
  </si>
  <si>
    <t>22120947</t>
  </si>
  <si>
    <t>10153</t>
  </si>
  <si>
    <t>https://www.sciencedirect.com/science/journal/22120947</t>
  </si>
  <si>
    <t>Wellbeing, Space and Society</t>
  </si>
  <si>
    <t>2666-5581</t>
  </si>
  <si>
    <t>26665581</t>
  </si>
  <si>
    <t>30379</t>
  </si>
  <si>
    <t>https://www.sciencedirect.com/science/journal/26665581</t>
  </si>
  <si>
    <t>WFUMB Ultrasound Open</t>
  </si>
  <si>
    <t>2949-6683</t>
  </si>
  <si>
    <t>29496683</t>
  </si>
  <si>
    <t>31475</t>
  </si>
  <si>
    <t>https://www.sciencedirect.com/science/journal/29496683</t>
  </si>
  <si>
    <t>Wilderness &amp; Environmental Medicine</t>
  </si>
  <si>
    <t>1080-6032</t>
  </si>
  <si>
    <t>10806032</t>
  </si>
  <si>
    <t>13454</t>
  </si>
  <si>
    <t>Formerly known as Journal of Wilderness Medicine; Transferred to Offenberger SAGE as of 2024;</t>
  </si>
  <si>
    <t>https://www.sciencedirect.com/science/journal/10806032</t>
  </si>
  <si>
    <t>Wine Economics and Policy</t>
  </si>
  <si>
    <t>2212-9774</t>
  </si>
  <si>
    <t>22129774</t>
  </si>
  <si>
    <t>10122</t>
  </si>
  <si>
    <t>Transferred to Veronica Alampi Sottini UniCeSV as of 2021</t>
  </si>
  <si>
    <t>https://www.sciencedirect.com/science/journal/22129774</t>
  </si>
  <si>
    <t>Women and Children Nursing</t>
  </si>
  <si>
    <t>2949-7515</t>
  </si>
  <si>
    <t>29497515</t>
  </si>
  <si>
    <t>31512</t>
  </si>
  <si>
    <t>https://www.sciencedirect.com/science/journal/29497515</t>
  </si>
  <si>
    <t>World Allergy Organization Journal</t>
  </si>
  <si>
    <t>1939-4551</t>
  </si>
  <si>
    <t>19394551</t>
  </si>
  <si>
    <t>30081</t>
  </si>
  <si>
    <t>https://www.sciencedirect.com/science/journal/19394551</t>
  </si>
  <si>
    <t>World Journal of Acupuncture - Moxibustion</t>
  </si>
  <si>
    <t>1003-5257</t>
  </si>
  <si>
    <t>10035257</t>
  </si>
  <si>
    <t>10105</t>
  </si>
  <si>
    <t>https://www.sciencedirect.com/science/journal/10035257</t>
  </si>
  <si>
    <t>World Journal of Otorhinolaryngology-Head and Neck Surgery</t>
  </si>
  <si>
    <t>2095-8811</t>
  </si>
  <si>
    <t>20958811</t>
  </si>
  <si>
    <t>18177</t>
  </si>
  <si>
    <t>Transferred to Wiley as of 2022</t>
  </si>
  <si>
    <t>https://www.sciencedirect.com/science/journal/20958811</t>
  </si>
  <si>
    <t>World Neurosurgery: X</t>
  </si>
  <si>
    <t>2590-1397</t>
  </si>
  <si>
    <t>25901397</t>
  </si>
  <si>
    <t>18947</t>
  </si>
  <si>
    <t>https://www.sciencedirect.com/science/journal/25901397</t>
  </si>
  <si>
    <t>World Psychiatry</t>
  </si>
  <si>
    <t>1723-8617</t>
  </si>
  <si>
    <t>17238617</t>
  </si>
  <si>
    <t>15814</t>
  </si>
  <si>
    <t>Transferred to Wiley as of 2013</t>
  </si>
  <si>
    <t>https://www.sciencedirect.com/science/journal/17238617</t>
  </si>
  <si>
    <t>Wound Medicine </t>
  </si>
  <si>
    <t>2213-9095</t>
  </si>
  <si>
    <t>22139095</t>
  </si>
  <si>
    <t>10513</t>
  </si>
  <si>
    <t>https://www.sciencedirect.com/science/journal/22139095</t>
  </si>
  <si>
    <t>Zeszyty Naukowe WCO, Letters in Oncology Science</t>
  </si>
  <si>
    <t>1734-0489</t>
  </si>
  <si>
    <t>17340489</t>
  </si>
  <si>
    <t>11012</t>
  </si>
  <si>
    <t>https://www.sciencedirect.com/science/journal/17340489</t>
  </si>
  <si>
    <t>Zoological Journal of the Linnean Society</t>
  </si>
  <si>
    <t>0024-4082</t>
  </si>
  <si>
    <t>00244082</t>
  </si>
  <si>
    <t>12622</t>
  </si>
  <si>
    <t>https://www.sciencedirect.com/science/journal/0024408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">
    <xf numFmtId="0" fontId="0" fillId="0" borderId="0" xfId="0"/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G1771"/>
  <sheetViews>
    <sheetView tabSelected="1" workbookViewId="0"/>
  </sheetViews>
  <sheetFormatPr defaultRowHeight="13.2" x14ac:dyDescent="0.2"/>
  <cols>
    <col min="1" max="1" width="50" customWidth="1"/>
    <col min="2" max="2" width="10.88671875" bestFit="1" customWidth="1"/>
    <col min="3" max="3" width="17.33203125" bestFit="1" customWidth="1"/>
    <col min="4" max="4" width="10.44140625" bestFit="1" customWidth="1"/>
    <col min="5" max="5" width="14.44140625" bestFit="1" customWidth="1"/>
    <col min="6" max="6" width="50" customWidth="1"/>
    <col min="7" max="7" width="54.77734375" bestFit="1" customWidth="1"/>
  </cols>
  <sheetData>
    <row r="1" spans="1:7" x14ac:dyDescent="0.2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">
      <c r="A2" t="s">
        <v>7</v>
      </c>
      <c r="B2" t="s">
        <v>8</v>
      </c>
      <c r="C2" t="s">
        <v>9</v>
      </c>
      <c r="D2" t="s">
        <v>10</v>
      </c>
      <c r="E2" t="s">
        <v>11</v>
      </c>
      <c r="G2" t="s">
        <v>12</v>
      </c>
    </row>
    <row r="3" spans="1:7" x14ac:dyDescent="0.2">
      <c r="A3" t="s">
        <v>13</v>
      </c>
      <c r="B3" t="s">
        <v>14</v>
      </c>
      <c r="C3" t="s">
        <v>15</v>
      </c>
      <c r="D3" t="s">
        <v>16</v>
      </c>
      <c r="E3" t="s">
        <v>17</v>
      </c>
      <c r="F3" t="s">
        <v>18</v>
      </c>
      <c r="G3" t="s">
        <v>19</v>
      </c>
    </row>
    <row r="4" spans="1:7" x14ac:dyDescent="0.2">
      <c r="A4" t="s">
        <v>20</v>
      </c>
      <c r="B4" t="s">
        <v>21</v>
      </c>
      <c r="C4" t="s">
        <v>22</v>
      </c>
      <c r="D4" t="s">
        <v>23</v>
      </c>
      <c r="E4" t="s">
        <v>11</v>
      </c>
      <c r="G4" t="s">
        <v>24</v>
      </c>
    </row>
    <row r="5" spans="1:7" x14ac:dyDescent="0.2">
      <c r="A5" t="s">
        <v>25</v>
      </c>
      <c r="B5" t="s">
        <v>26</v>
      </c>
      <c r="C5" t="s">
        <v>27</v>
      </c>
      <c r="D5" t="s">
        <v>28</v>
      </c>
      <c r="E5" t="s">
        <v>17</v>
      </c>
      <c r="F5" t="s">
        <v>29</v>
      </c>
      <c r="G5" t="s">
        <v>30</v>
      </c>
    </row>
    <row r="6" spans="1:7" x14ac:dyDescent="0.2">
      <c r="A6" t="s">
        <v>31</v>
      </c>
      <c r="B6" t="s">
        <v>32</v>
      </c>
      <c r="C6" t="s">
        <v>33</v>
      </c>
      <c r="D6" t="s">
        <v>34</v>
      </c>
      <c r="E6" t="s">
        <v>11</v>
      </c>
      <c r="G6" t="s">
        <v>35</v>
      </c>
    </row>
    <row r="7" spans="1:7" x14ac:dyDescent="0.2">
      <c r="A7" t="s">
        <v>36</v>
      </c>
      <c r="B7" t="s">
        <v>37</v>
      </c>
      <c r="C7" t="s">
        <v>38</v>
      </c>
      <c r="D7" t="s">
        <v>39</v>
      </c>
      <c r="E7" t="s">
        <v>11</v>
      </c>
      <c r="G7" t="s">
        <v>40</v>
      </c>
    </row>
    <row r="8" spans="1:7" x14ac:dyDescent="0.2">
      <c r="A8" t="s">
        <v>41</v>
      </c>
      <c r="B8" t="s">
        <v>42</v>
      </c>
      <c r="C8" t="s">
        <v>43</v>
      </c>
      <c r="D8" t="s">
        <v>44</v>
      </c>
      <c r="E8" t="s">
        <v>17</v>
      </c>
      <c r="F8" t="s">
        <v>45</v>
      </c>
      <c r="G8" t="s">
        <v>46</v>
      </c>
    </row>
    <row r="9" spans="1:7" x14ac:dyDescent="0.2">
      <c r="A9" t="s">
        <v>47</v>
      </c>
      <c r="B9" t="s">
        <v>48</v>
      </c>
      <c r="C9" t="s">
        <v>49</v>
      </c>
      <c r="D9" t="s">
        <v>50</v>
      </c>
      <c r="E9" t="s">
        <v>17</v>
      </c>
      <c r="F9" t="s">
        <v>51</v>
      </c>
      <c r="G9" t="s">
        <v>52</v>
      </c>
    </row>
    <row r="10" spans="1:7" x14ac:dyDescent="0.2">
      <c r="A10" t="s">
        <v>53</v>
      </c>
      <c r="B10" t="s">
        <v>54</v>
      </c>
      <c r="C10" t="s">
        <v>55</v>
      </c>
      <c r="D10" t="s">
        <v>56</v>
      </c>
      <c r="E10" t="s">
        <v>17</v>
      </c>
      <c r="F10" t="s">
        <v>57</v>
      </c>
      <c r="G10" t="s">
        <v>58</v>
      </c>
    </row>
    <row r="11" spans="1:7" x14ac:dyDescent="0.2">
      <c r="A11" t="s">
        <v>59</v>
      </c>
      <c r="B11" t="s">
        <v>60</v>
      </c>
      <c r="C11" t="s">
        <v>61</v>
      </c>
      <c r="D11" t="s">
        <v>62</v>
      </c>
      <c r="E11" t="s">
        <v>63</v>
      </c>
      <c r="F11" t="s">
        <v>64</v>
      </c>
      <c r="G11" t="s">
        <v>65</v>
      </c>
    </row>
    <row r="12" spans="1:7" x14ac:dyDescent="0.2">
      <c r="A12" t="s">
        <v>66</v>
      </c>
      <c r="B12" t="s">
        <v>67</v>
      </c>
      <c r="C12" t="s">
        <v>68</v>
      </c>
      <c r="D12" t="s">
        <v>69</v>
      </c>
      <c r="E12" t="s">
        <v>17</v>
      </c>
      <c r="F12" t="s">
        <v>70</v>
      </c>
      <c r="G12" t="s">
        <v>71</v>
      </c>
    </row>
    <row r="13" spans="1:7" x14ac:dyDescent="0.2">
      <c r="A13" t="s">
        <v>72</v>
      </c>
      <c r="B13" t="s">
        <v>73</v>
      </c>
      <c r="C13" t="s">
        <v>74</v>
      </c>
      <c r="D13" t="s">
        <v>75</v>
      </c>
      <c r="E13" t="s">
        <v>17</v>
      </c>
      <c r="F13" t="s">
        <v>70</v>
      </c>
      <c r="G13" t="s">
        <v>76</v>
      </c>
    </row>
    <row r="14" spans="1:7" x14ac:dyDescent="0.2">
      <c r="A14" t="s">
        <v>77</v>
      </c>
      <c r="B14" t="s">
        <v>78</v>
      </c>
      <c r="C14" t="s">
        <v>79</v>
      </c>
      <c r="D14" t="s">
        <v>80</v>
      </c>
      <c r="E14" t="s">
        <v>17</v>
      </c>
      <c r="F14" t="s">
        <v>81</v>
      </c>
      <c r="G14" t="s">
        <v>82</v>
      </c>
    </row>
    <row r="15" spans="1:7" x14ac:dyDescent="0.2">
      <c r="A15" t="s">
        <v>83</v>
      </c>
      <c r="B15" t="s">
        <v>84</v>
      </c>
      <c r="C15" t="s">
        <v>85</v>
      </c>
      <c r="D15" t="s">
        <v>86</v>
      </c>
      <c r="E15" t="s">
        <v>17</v>
      </c>
      <c r="F15" t="s">
        <v>70</v>
      </c>
      <c r="G15" t="s">
        <v>87</v>
      </c>
    </row>
    <row r="16" spans="1:7" x14ac:dyDescent="0.2">
      <c r="A16" t="s">
        <v>88</v>
      </c>
      <c r="B16" t="s">
        <v>89</v>
      </c>
      <c r="C16" t="s">
        <v>90</v>
      </c>
      <c r="D16" t="s">
        <v>91</v>
      </c>
      <c r="E16" t="s">
        <v>17</v>
      </c>
      <c r="F16" t="s">
        <v>92</v>
      </c>
      <c r="G16" t="s">
        <v>93</v>
      </c>
    </row>
    <row r="17" spans="1:7" x14ac:dyDescent="0.2">
      <c r="A17" t="s">
        <v>94</v>
      </c>
      <c r="B17" t="s">
        <v>95</v>
      </c>
      <c r="C17" t="s">
        <v>96</v>
      </c>
      <c r="D17" t="s">
        <v>97</v>
      </c>
      <c r="E17" t="s">
        <v>17</v>
      </c>
      <c r="F17" t="s">
        <v>98</v>
      </c>
      <c r="G17" t="s">
        <v>99</v>
      </c>
    </row>
    <row r="18" spans="1:7" x14ac:dyDescent="0.2">
      <c r="A18" t="s">
        <v>100</v>
      </c>
      <c r="B18" t="s">
        <v>101</v>
      </c>
      <c r="C18" t="s">
        <v>102</v>
      </c>
      <c r="D18" t="s">
        <v>103</v>
      </c>
      <c r="E18" t="s">
        <v>11</v>
      </c>
      <c r="G18" t="s">
        <v>104</v>
      </c>
    </row>
    <row r="19" spans="1:7" x14ac:dyDescent="0.2">
      <c r="A19" t="s">
        <v>105</v>
      </c>
      <c r="B19" t="s">
        <v>106</v>
      </c>
      <c r="C19" t="s">
        <v>107</v>
      </c>
      <c r="D19" t="s">
        <v>108</v>
      </c>
      <c r="E19" t="s">
        <v>17</v>
      </c>
      <c r="F19" t="s">
        <v>109</v>
      </c>
      <c r="G19" t="s">
        <v>110</v>
      </c>
    </row>
    <row r="20" spans="1:7" x14ac:dyDescent="0.2">
      <c r="A20" t="s">
        <v>111</v>
      </c>
      <c r="B20" t="s">
        <v>112</v>
      </c>
      <c r="C20" t="s">
        <v>113</v>
      </c>
      <c r="D20" t="s">
        <v>114</v>
      </c>
      <c r="E20" t="s">
        <v>17</v>
      </c>
      <c r="F20" t="s">
        <v>18</v>
      </c>
      <c r="G20" t="s">
        <v>115</v>
      </c>
    </row>
    <row r="21" spans="1:7" x14ac:dyDescent="0.2">
      <c r="A21" t="s">
        <v>116</v>
      </c>
      <c r="B21" t="s">
        <v>117</v>
      </c>
      <c r="C21" t="s">
        <v>118</v>
      </c>
      <c r="D21" t="s">
        <v>119</v>
      </c>
      <c r="E21" t="s">
        <v>17</v>
      </c>
      <c r="F21" t="s">
        <v>70</v>
      </c>
      <c r="G21" t="s">
        <v>120</v>
      </c>
    </row>
    <row r="22" spans="1:7" x14ac:dyDescent="0.2">
      <c r="A22" t="s">
        <v>121</v>
      </c>
      <c r="B22" t="s">
        <v>122</v>
      </c>
      <c r="C22" t="s">
        <v>123</v>
      </c>
      <c r="D22" t="s">
        <v>124</v>
      </c>
      <c r="E22" t="s">
        <v>17</v>
      </c>
      <c r="F22" t="s">
        <v>45</v>
      </c>
      <c r="G22" t="s">
        <v>125</v>
      </c>
    </row>
    <row r="23" spans="1:7" x14ac:dyDescent="0.2">
      <c r="A23" t="s">
        <v>126</v>
      </c>
      <c r="B23" t="s">
        <v>127</v>
      </c>
      <c r="C23" t="s">
        <v>128</v>
      </c>
      <c r="D23" t="s">
        <v>129</v>
      </c>
      <c r="E23" t="s">
        <v>63</v>
      </c>
      <c r="F23" t="s">
        <v>130</v>
      </c>
      <c r="G23" t="s">
        <v>131</v>
      </c>
    </row>
    <row r="24" spans="1:7" x14ac:dyDescent="0.2">
      <c r="A24" t="s">
        <v>132</v>
      </c>
      <c r="B24" t="s">
        <v>133</v>
      </c>
      <c r="C24" t="s">
        <v>134</v>
      </c>
      <c r="D24" t="s">
        <v>135</v>
      </c>
      <c r="E24" t="s">
        <v>11</v>
      </c>
      <c r="G24" t="s">
        <v>136</v>
      </c>
    </row>
    <row r="25" spans="1:7" x14ac:dyDescent="0.2">
      <c r="A25" t="s">
        <v>137</v>
      </c>
      <c r="B25" t="s">
        <v>138</v>
      </c>
      <c r="C25" t="s">
        <v>139</v>
      </c>
      <c r="D25" t="s">
        <v>140</v>
      </c>
      <c r="E25" t="s">
        <v>11</v>
      </c>
      <c r="G25" t="s">
        <v>141</v>
      </c>
    </row>
    <row r="26" spans="1:7" x14ac:dyDescent="0.2">
      <c r="A26" t="s">
        <v>142</v>
      </c>
      <c r="B26" t="s">
        <v>143</v>
      </c>
      <c r="C26" t="s">
        <v>144</v>
      </c>
      <c r="D26" t="s">
        <v>145</v>
      </c>
      <c r="E26" t="s">
        <v>11</v>
      </c>
      <c r="G26" t="s">
        <v>146</v>
      </c>
    </row>
    <row r="27" spans="1:7" x14ac:dyDescent="0.2">
      <c r="A27" t="s">
        <v>147</v>
      </c>
      <c r="B27" t="s">
        <v>148</v>
      </c>
      <c r="C27" t="s">
        <v>149</v>
      </c>
      <c r="D27" t="s">
        <v>150</v>
      </c>
      <c r="E27" t="s">
        <v>11</v>
      </c>
      <c r="G27" t="s">
        <v>151</v>
      </c>
    </row>
    <row r="28" spans="1:7" x14ac:dyDescent="0.2">
      <c r="A28" t="s">
        <v>152</v>
      </c>
      <c r="B28" t="s">
        <v>153</v>
      </c>
      <c r="C28" t="s">
        <v>154</v>
      </c>
      <c r="D28" t="s">
        <v>155</v>
      </c>
      <c r="E28" t="s">
        <v>11</v>
      </c>
      <c r="G28" t="s">
        <v>156</v>
      </c>
    </row>
    <row r="29" spans="1:7" x14ac:dyDescent="0.2">
      <c r="A29" t="s">
        <v>157</v>
      </c>
      <c r="B29" t="s">
        <v>158</v>
      </c>
      <c r="C29" t="s">
        <v>159</v>
      </c>
      <c r="D29" t="s">
        <v>160</v>
      </c>
      <c r="E29" t="s">
        <v>11</v>
      </c>
      <c r="G29" t="s">
        <v>161</v>
      </c>
    </row>
    <row r="30" spans="1:7" x14ac:dyDescent="0.2">
      <c r="A30" t="s">
        <v>162</v>
      </c>
      <c r="B30" t="s">
        <v>163</v>
      </c>
      <c r="C30" t="s">
        <v>164</v>
      </c>
      <c r="D30" t="s">
        <v>165</v>
      </c>
      <c r="E30" t="s">
        <v>11</v>
      </c>
      <c r="G30" t="s">
        <v>166</v>
      </c>
    </row>
    <row r="31" spans="1:7" x14ac:dyDescent="0.2">
      <c r="A31" t="s">
        <v>167</v>
      </c>
      <c r="B31" t="s">
        <v>168</v>
      </c>
      <c r="C31" t="s">
        <v>169</v>
      </c>
      <c r="D31" t="s">
        <v>170</v>
      </c>
      <c r="E31" t="s">
        <v>11</v>
      </c>
      <c r="G31" t="s">
        <v>171</v>
      </c>
    </row>
    <row r="32" spans="1:7" x14ac:dyDescent="0.2">
      <c r="A32" t="s">
        <v>172</v>
      </c>
      <c r="B32" t="s">
        <v>173</v>
      </c>
      <c r="C32" t="s">
        <v>174</v>
      </c>
      <c r="D32" t="s">
        <v>175</v>
      </c>
      <c r="E32" t="s">
        <v>11</v>
      </c>
      <c r="G32" t="s">
        <v>176</v>
      </c>
    </row>
    <row r="33" spans="1:7" x14ac:dyDescent="0.2">
      <c r="A33" t="s">
        <v>177</v>
      </c>
      <c r="B33" t="s">
        <v>178</v>
      </c>
      <c r="C33" t="s">
        <v>179</v>
      </c>
      <c r="D33" t="s">
        <v>180</v>
      </c>
      <c r="E33" t="s">
        <v>11</v>
      </c>
      <c r="G33" t="s">
        <v>181</v>
      </c>
    </row>
    <row r="34" spans="1:7" x14ac:dyDescent="0.2">
      <c r="A34" t="s">
        <v>182</v>
      </c>
      <c r="B34" t="s">
        <v>183</v>
      </c>
      <c r="C34" t="s">
        <v>184</v>
      </c>
      <c r="D34" t="s">
        <v>185</v>
      </c>
      <c r="E34" t="s">
        <v>11</v>
      </c>
      <c r="G34" t="s">
        <v>186</v>
      </c>
    </row>
    <row r="35" spans="1:7" x14ac:dyDescent="0.2">
      <c r="A35" t="s">
        <v>187</v>
      </c>
      <c r="B35" t="s">
        <v>188</v>
      </c>
      <c r="C35" t="s">
        <v>189</v>
      </c>
      <c r="D35" t="s">
        <v>190</v>
      </c>
      <c r="E35" t="s">
        <v>11</v>
      </c>
      <c r="G35" t="s">
        <v>191</v>
      </c>
    </row>
    <row r="36" spans="1:7" x14ac:dyDescent="0.2">
      <c r="A36" t="s">
        <v>192</v>
      </c>
      <c r="B36" t="s">
        <v>193</v>
      </c>
      <c r="C36" t="s">
        <v>194</v>
      </c>
      <c r="D36" t="s">
        <v>195</v>
      </c>
      <c r="E36" t="s">
        <v>11</v>
      </c>
      <c r="G36" t="s">
        <v>196</v>
      </c>
    </row>
    <row r="37" spans="1:7" x14ac:dyDescent="0.2">
      <c r="A37" t="s">
        <v>197</v>
      </c>
      <c r="B37" t="s">
        <v>198</v>
      </c>
      <c r="C37" t="s">
        <v>199</v>
      </c>
      <c r="D37" t="s">
        <v>200</v>
      </c>
      <c r="E37" t="s">
        <v>11</v>
      </c>
      <c r="G37" t="s">
        <v>201</v>
      </c>
    </row>
    <row r="38" spans="1:7" x14ac:dyDescent="0.2">
      <c r="A38" t="s">
        <v>202</v>
      </c>
      <c r="B38" t="s">
        <v>203</v>
      </c>
      <c r="C38" t="s">
        <v>204</v>
      </c>
      <c r="D38" t="s">
        <v>205</v>
      </c>
      <c r="E38" t="s">
        <v>11</v>
      </c>
      <c r="G38" t="s">
        <v>206</v>
      </c>
    </row>
    <row r="39" spans="1:7" x14ac:dyDescent="0.2">
      <c r="A39" t="s">
        <v>207</v>
      </c>
      <c r="B39" t="s">
        <v>208</v>
      </c>
      <c r="C39" t="s">
        <v>209</v>
      </c>
      <c r="D39" t="s">
        <v>210</v>
      </c>
      <c r="E39" t="s">
        <v>11</v>
      </c>
      <c r="G39" t="s">
        <v>211</v>
      </c>
    </row>
    <row r="40" spans="1:7" x14ac:dyDescent="0.2">
      <c r="A40" t="s">
        <v>212</v>
      </c>
      <c r="B40" t="s">
        <v>213</v>
      </c>
      <c r="C40" t="s">
        <v>214</v>
      </c>
      <c r="D40" t="s">
        <v>215</v>
      </c>
      <c r="E40" t="s">
        <v>11</v>
      </c>
      <c r="G40" t="s">
        <v>216</v>
      </c>
    </row>
    <row r="41" spans="1:7" x14ac:dyDescent="0.2">
      <c r="A41" t="s">
        <v>217</v>
      </c>
      <c r="B41" t="s">
        <v>218</v>
      </c>
      <c r="C41" t="s">
        <v>219</v>
      </c>
      <c r="D41" t="s">
        <v>220</v>
      </c>
      <c r="E41" t="s">
        <v>11</v>
      </c>
      <c r="G41" t="s">
        <v>221</v>
      </c>
    </row>
    <row r="42" spans="1:7" x14ac:dyDescent="0.2">
      <c r="A42" t="s">
        <v>222</v>
      </c>
      <c r="B42" t="s">
        <v>223</v>
      </c>
      <c r="C42" t="s">
        <v>224</v>
      </c>
      <c r="D42" t="s">
        <v>225</v>
      </c>
      <c r="E42" t="s">
        <v>11</v>
      </c>
      <c r="G42" t="s">
        <v>226</v>
      </c>
    </row>
    <row r="43" spans="1:7" x14ac:dyDescent="0.2">
      <c r="A43" t="s">
        <v>227</v>
      </c>
      <c r="B43" t="s">
        <v>228</v>
      </c>
      <c r="C43" t="s">
        <v>229</v>
      </c>
      <c r="D43" t="s">
        <v>230</v>
      </c>
      <c r="E43" t="s">
        <v>17</v>
      </c>
      <c r="F43" t="s">
        <v>231</v>
      </c>
      <c r="G43" t="s">
        <v>232</v>
      </c>
    </row>
    <row r="44" spans="1:7" x14ac:dyDescent="0.2">
      <c r="A44" t="s">
        <v>233</v>
      </c>
      <c r="B44" t="s">
        <v>234</v>
      </c>
      <c r="C44" t="s">
        <v>235</v>
      </c>
      <c r="D44" t="s">
        <v>236</v>
      </c>
      <c r="E44" t="s">
        <v>11</v>
      </c>
      <c r="G44" t="s">
        <v>237</v>
      </c>
    </row>
    <row r="45" spans="1:7" x14ac:dyDescent="0.2">
      <c r="A45" t="s">
        <v>238</v>
      </c>
      <c r="B45" t="s">
        <v>239</v>
      </c>
      <c r="C45" t="s">
        <v>240</v>
      </c>
      <c r="D45" t="s">
        <v>241</v>
      </c>
      <c r="E45" t="s">
        <v>11</v>
      </c>
      <c r="G45" t="s">
        <v>242</v>
      </c>
    </row>
    <row r="46" spans="1:7" x14ac:dyDescent="0.2">
      <c r="A46" t="s">
        <v>243</v>
      </c>
      <c r="B46" t="s">
        <v>244</v>
      </c>
      <c r="C46" t="s">
        <v>245</v>
      </c>
      <c r="D46" t="s">
        <v>246</v>
      </c>
      <c r="E46" t="s">
        <v>17</v>
      </c>
      <c r="F46" t="s">
        <v>45</v>
      </c>
      <c r="G46" t="s">
        <v>247</v>
      </c>
    </row>
    <row r="47" spans="1:7" x14ac:dyDescent="0.2">
      <c r="A47" t="s">
        <v>248</v>
      </c>
      <c r="B47" t="s">
        <v>249</v>
      </c>
      <c r="C47" t="s">
        <v>250</v>
      </c>
      <c r="D47" t="s">
        <v>251</v>
      </c>
      <c r="E47" t="s">
        <v>11</v>
      </c>
      <c r="G47" t="s">
        <v>252</v>
      </c>
    </row>
    <row r="48" spans="1:7" x14ac:dyDescent="0.2">
      <c r="A48" t="s">
        <v>253</v>
      </c>
      <c r="B48" t="s">
        <v>254</v>
      </c>
      <c r="C48" t="s">
        <v>255</v>
      </c>
      <c r="D48" t="s">
        <v>256</v>
      </c>
      <c r="E48" t="s">
        <v>11</v>
      </c>
      <c r="G48" t="s">
        <v>257</v>
      </c>
    </row>
    <row r="49" spans="1:7" x14ac:dyDescent="0.2">
      <c r="A49" t="s">
        <v>258</v>
      </c>
      <c r="B49" t="s">
        <v>259</v>
      </c>
      <c r="C49" t="s">
        <v>260</v>
      </c>
      <c r="D49" t="s">
        <v>261</v>
      </c>
      <c r="E49" t="s">
        <v>11</v>
      </c>
      <c r="G49" t="s">
        <v>262</v>
      </c>
    </row>
    <row r="50" spans="1:7" x14ac:dyDescent="0.2">
      <c r="A50" t="s">
        <v>263</v>
      </c>
      <c r="B50" t="s">
        <v>264</v>
      </c>
      <c r="C50" t="s">
        <v>265</v>
      </c>
      <c r="D50" t="s">
        <v>266</v>
      </c>
      <c r="E50" t="s">
        <v>11</v>
      </c>
      <c r="G50" t="s">
        <v>267</v>
      </c>
    </row>
    <row r="51" spans="1:7" x14ac:dyDescent="0.2">
      <c r="A51" t="s">
        <v>268</v>
      </c>
      <c r="B51" t="s">
        <v>269</v>
      </c>
      <c r="C51" t="s">
        <v>270</v>
      </c>
      <c r="D51" t="s">
        <v>271</v>
      </c>
      <c r="E51" t="s">
        <v>11</v>
      </c>
      <c r="G51" t="s">
        <v>272</v>
      </c>
    </row>
    <row r="52" spans="1:7" x14ac:dyDescent="0.2">
      <c r="A52" t="s">
        <v>273</v>
      </c>
      <c r="B52" t="s">
        <v>274</v>
      </c>
      <c r="C52" t="s">
        <v>275</v>
      </c>
      <c r="D52" t="s">
        <v>276</v>
      </c>
      <c r="E52" t="s">
        <v>11</v>
      </c>
      <c r="G52" t="s">
        <v>277</v>
      </c>
    </row>
    <row r="53" spans="1:7" x14ac:dyDescent="0.2">
      <c r="A53" t="s">
        <v>278</v>
      </c>
      <c r="B53" t="s">
        <v>279</v>
      </c>
      <c r="C53" t="s">
        <v>280</v>
      </c>
      <c r="D53" t="s">
        <v>281</v>
      </c>
      <c r="E53" t="s">
        <v>11</v>
      </c>
      <c r="G53" t="s">
        <v>282</v>
      </c>
    </row>
    <row r="54" spans="1:7" x14ac:dyDescent="0.2">
      <c r="A54" t="s">
        <v>283</v>
      </c>
      <c r="B54" t="s">
        <v>284</v>
      </c>
      <c r="C54" t="s">
        <v>285</v>
      </c>
      <c r="D54" t="s">
        <v>286</v>
      </c>
      <c r="E54" t="s">
        <v>287</v>
      </c>
      <c r="F54" t="s">
        <v>288</v>
      </c>
      <c r="G54" t="s">
        <v>289</v>
      </c>
    </row>
    <row r="55" spans="1:7" x14ac:dyDescent="0.2">
      <c r="A55" t="s">
        <v>290</v>
      </c>
      <c r="B55" t="s">
        <v>291</v>
      </c>
      <c r="C55" t="s">
        <v>292</v>
      </c>
      <c r="D55" t="s">
        <v>293</v>
      </c>
      <c r="E55" t="s">
        <v>11</v>
      </c>
      <c r="G55" t="s">
        <v>294</v>
      </c>
    </row>
    <row r="56" spans="1:7" x14ac:dyDescent="0.2">
      <c r="A56" t="s">
        <v>295</v>
      </c>
      <c r="B56" t="s">
        <v>296</v>
      </c>
      <c r="C56" t="s">
        <v>297</v>
      </c>
      <c r="D56" t="s">
        <v>298</v>
      </c>
      <c r="E56" t="s">
        <v>17</v>
      </c>
      <c r="F56" t="s">
        <v>299</v>
      </c>
      <c r="G56" t="s">
        <v>300</v>
      </c>
    </row>
    <row r="57" spans="1:7" x14ac:dyDescent="0.2">
      <c r="A57" t="s">
        <v>301</v>
      </c>
      <c r="B57" t="s">
        <v>302</v>
      </c>
      <c r="C57" t="s">
        <v>303</v>
      </c>
      <c r="D57" t="s">
        <v>304</v>
      </c>
      <c r="E57" t="s">
        <v>11</v>
      </c>
      <c r="G57" t="s">
        <v>305</v>
      </c>
    </row>
    <row r="58" spans="1:7" x14ac:dyDescent="0.2">
      <c r="A58" t="s">
        <v>306</v>
      </c>
      <c r="B58" t="s">
        <v>307</v>
      </c>
      <c r="C58" t="s">
        <v>308</v>
      </c>
      <c r="D58" t="s">
        <v>309</v>
      </c>
      <c r="E58" t="s">
        <v>17</v>
      </c>
      <c r="F58" t="s">
        <v>310</v>
      </c>
      <c r="G58" t="s">
        <v>311</v>
      </c>
    </row>
    <row r="59" spans="1:7" x14ac:dyDescent="0.2">
      <c r="A59" t="s">
        <v>312</v>
      </c>
      <c r="B59" t="s">
        <v>313</v>
      </c>
      <c r="C59" t="s">
        <v>314</v>
      </c>
      <c r="D59" t="s">
        <v>315</v>
      </c>
      <c r="E59" t="s">
        <v>11</v>
      </c>
      <c r="G59" t="s">
        <v>316</v>
      </c>
    </row>
    <row r="60" spans="1:7" x14ac:dyDescent="0.2">
      <c r="A60" t="s">
        <v>317</v>
      </c>
      <c r="B60" t="s">
        <v>318</v>
      </c>
      <c r="C60" t="s">
        <v>319</v>
      </c>
      <c r="D60" t="s">
        <v>320</v>
      </c>
      <c r="E60" t="s">
        <v>11</v>
      </c>
      <c r="G60" t="s">
        <v>321</v>
      </c>
    </row>
    <row r="61" spans="1:7" x14ac:dyDescent="0.2">
      <c r="A61" t="s">
        <v>322</v>
      </c>
      <c r="B61" t="s">
        <v>323</v>
      </c>
      <c r="C61" t="s">
        <v>324</v>
      </c>
      <c r="D61" t="s">
        <v>325</v>
      </c>
      <c r="E61" t="s">
        <v>17</v>
      </c>
      <c r="F61" t="s">
        <v>326</v>
      </c>
      <c r="G61" t="s">
        <v>327</v>
      </c>
    </row>
    <row r="62" spans="1:7" x14ac:dyDescent="0.2">
      <c r="A62" t="s">
        <v>328</v>
      </c>
      <c r="B62" t="s">
        <v>329</v>
      </c>
      <c r="C62" t="s">
        <v>330</v>
      </c>
      <c r="D62" t="s">
        <v>331</v>
      </c>
      <c r="E62" t="s">
        <v>287</v>
      </c>
      <c r="F62" t="s">
        <v>332</v>
      </c>
      <c r="G62" t="s">
        <v>333</v>
      </c>
    </row>
    <row r="63" spans="1:7" x14ac:dyDescent="0.2">
      <c r="A63" t="s">
        <v>334</v>
      </c>
      <c r="B63" t="s">
        <v>335</v>
      </c>
      <c r="C63" t="s">
        <v>336</v>
      </c>
      <c r="D63" t="s">
        <v>337</v>
      </c>
      <c r="E63" t="s">
        <v>11</v>
      </c>
      <c r="G63" t="s">
        <v>338</v>
      </c>
    </row>
    <row r="64" spans="1:7" x14ac:dyDescent="0.2">
      <c r="A64" t="s">
        <v>339</v>
      </c>
      <c r="B64" t="s">
        <v>340</v>
      </c>
      <c r="C64" t="s">
        <v>341</v>
      </c>
      <c r="D64" t="s">
        <v>342</v>
      </c>
      <c r="E64" t="s">
        <v>17</v>
      </c>
      <c r="F64" t="s">
        <v>310</v>
      </c>
      <c r="G64" t="s">
        <v>343</v>
      </c>
    </row>
    <row r="65" spans="1:7" x14ac:dyDescent="0.2">
      <c r="A65" t="s">
        <v>344</v>
      </c>
      <c r="B65" t="s">
        <v>345</v>
      </c>
      <c r="C65" t="s">
        <v>346</v>
      </c>
      <c r="D65" t="s">
        <v>347</v>
      </c>
      <c r="E65" t="s">
        <v>11</v>
      </c>
      <c r="G65" t="s">
        <v>348</v>
      </c>
    </row>
    <row r="66" spans="1:7" x14ac:dyDescent="0.2">
      <c r="A66" t="s">
        <v>349</v>
      </c>
      <c r="B66" t="s">
        <v>350</v>
      </c>
      <c r="C66" t="s">
        <v>351</v>
      </c>
      <c r="D66" t="s">
        <v>352</v>
      </c>
      <c r="E66" t="s">
        <v>11</v>
      </c>
      <c r="G66" t="s">
        <v>353</v>
      </c>
    </row>
    <row r="67" spans="1:7" x14ac:dyDescent="0.2">
      <c r="A67" t="s">
        <v>354</v>
      </c>
      <c r="B67" t="s">
        <v>355</v>
      </c>
      <c r="C67" t="s">
        <v>356</v>
      </c>
      <c r="D67" t="s">
        <v>357</v>
      </c>
      <c r="E67" t="s">
        <v>11</v>
      </c>
      <c r="G67" t="s">
        <v>358</v>
      </c>
    </row>
    <row r="68" spans="1:7" x14ac:dyDescent="0.2">
      <c r="A68" t="s">
        <v>359</v>
      </c>
      <c r="B68" t="s">
        <v>360</v>
      </c>
      <c r="C68" t="s">
        <v>361</v>
      </c>
      <c r="D68" t="s">
        <v>362</v>
      </c>
      <c r="E68" t="s">
        <v>11</v>
      </c>
      <c r="G68" t="s">
        <v>363</v>
      </c>
    </row>
    <row r="69" spans="1:7" x14ac:dyDescent="0.2">
      <c r="A69" t="s">
        <v>364</v>
      </c>
      <c r="B69" t="s">
        <v>365</v>
      </c>
      <c r="C69" t="s">
        <v>366</v>
      </c>
      <c r="D69" t="s">
        <v>367</v>
      </c>
      <c r="E69" t="s">
        <v>11</v>
      </c>
      <c r="G69" t="s">
        <v>368</v>
      </c>
    </row>
    <row r="70" spans="1:7" x14ac:dyDescent="0.2">
      <c r="A70" t="s">
        <v>369</v>
      </c>
      <c r="B70" t="s">
        <v>370</v>
      </c>
      <c r="C70" t="s">
        <v>371</v>
      </c>
      <c r="D70" t="s">
        <v>372</v>
      </c>
      <c r="E70" t="s">
        <v>17</v>
      </c>
      <c r="F70" t="s">
        <v>98</v>
      </c>
      <c r="G70" t="s">
        <v>373</v>
      </c>
    </row>
    <row r="71" spans="1:7" x14ac:dyDescent="0.2">
      <c r="A71" t="s">
        <v>374</v>
      </c>
      <c r="B71" t="s">
        <v>375</v>
      </c>
      <c r="C71" t="s">
        <v>376</v>
      </c>
      <c r="D71" t="s">
        <v>377</v>
      </c>
      <c r="E71" t="s">
        <v>17</v>
      </c>
      <c r="F71" t="s">
        <v>45</v>
      </c>
      <c r="G71" t="s">
        <v>378</v>
      </c>
    </row>
    <row r="72" spans="1:7" x14ac:dyDescent="0.2">
      <c r="A72" t="s">
        <v>379</v>
      </c>
      <c r="B72" t="s">
        <v>380</v>
      </c>
      <c r="C72" t="s">
        <v>381</v>
      </c>
      <c r="D72" t="s">
        <v>382</v>
      </c>
      <c r="E72" t="s">
        <v>17</v>
      </c>
      <c r="F72" t="s">
        <v>70</v>
      </c>
      <c r="G72" t="s">
        <v>383</v>
      </c>
    </row>
    <row r="73" spans="1:7" x14ac:dyDescent="0.2">
      <c r="A73" t="s">
        <v>384</v>
      </c>
      <c r="B73" t="s">
        <v>385</v>
      </c>
      <c r="C73" t="s">
        <v>386</v>
      </c>
      <c r="D73" t="s">
        <v>387</v>
      </c>
      <c r="E73" t="s">
        <v>11</v>
      </c>
      <c r="G73" t="s">
        <v>388</v>
      </c>
    </row>
    <row r="74" spans="1:7" x14ac:dyDescent="0.2">
      <c r="A74" t="s">
        <v>389</v>
      </c>
      <c r="B74" t="s">
        <v>390</v>
      </c>
      <c r="C74" t="s">
        <v>391</v>
      </c>
      <c r="D74" t="s">
        <v>392</v>
      </c>
      <c r="E74" t="s">
        <v>17</v>
      </c>
      <c r="F74" t="s">
        <v>29</v>
      </c>
      <c r="G74" t="s">
        <v>393</v>
      </c>
    </row>
    <row r="75" spans="1:7" x14ac:dyDescent="0.2">
      <c r="A75" t="s">
        <v>394</v>
      </c>
      <c r="B75" t="s">
        <v>395</v>
      </c>
      <c r="C75" t="s">
        <v>396</v>
      </c>
      <c r="D75" t="s">
        <v>397</v>
      </c>
      <c r="E75" t="s">
        <v>17</v>
      </c>
      <c r="F75" t="s">
        <v>398</v>
      </c>
      <c r="G75" t="s">
        <v>399</v>
      </c>
    </row>
    <row r="76" spans="1:7" x14ac:dyDescent="0.2">
      <c r="A76" t="s">
        <v>400</v>
      </c>
      <c r="B76" t="s">
        <v>401</v>
      </c>
      <c r="C76" t="s">
        <v>402</v>
      </c>
      <c r="D76" t="s">
        <v>403</v>
      </c>
      <c r="E76" t="s">
        <v>11</v>
      </c>
      <c r="G76" t="s">
        <v>404</v>
      </c>
    </row>
    <row r="77" spans="1:7" x14ac:dyDescent="0.2">
      <c r="A77" t="s">
        <v>405</v>
      </c>
      <c r="B77" t="s">
        <v>406</v>
      </c>
      <c r="C77" t="s">
        <v>407</v>
      </c>
      <c r="D77" t="s">
        <v>408</v>
      </c>
      <c r="E77" t="s">
        <v>11</v>
      </c>
      <c r="G77" t="s">
        <v>409</v>
      </c>
    </row>
    <row r="78" spans="1:7" x14ac:dyDescent="0.2">
      <c r="A78" t="s">
        <v>410</v>
      </c>
      <c r="B78" t="s">
        <v>411</v>
      </c>
      <c r="C78" t="s">
        <v>412</v>
      </c>
      <c r="D78" t="s">
        <v>413</v>
      </c>
      <c r="E78" t="s">
        <v>17</v>
      </c>
      <c r="F78" t="s">
        <v>414</v>
      </c>
      <c r="G78" t="s">
        <v>415</v>
      </c>
    </row>
    <row r="79" spans="1:7" x14ac:dyDescent="0.2">
      <c r="A79" t="s">
        <v>416</v>
      </c>
      <c r="B79" t="s">
        <v>417</v>
      </c>
      <c r="C79" t="s">
        <v>418</v>
      </c>
      <c r="D79" t="s">
        <v>419</v>
      </c>
      <c r="E79" t="s">
        <v>17</v>
      </c>
      <c r="F79" t="s">
        <v>420</v>
      </c>
      <c r="G79" t="s">
        <v>421</v>
      </c>
    </row>
    <row r="80" spans="1:7" x14ac:dyDescent="0.2">
      <c r="A80" t="s">
        <v>422</v>
      </c>
      <c r="B80" t="s">
        <v>423</v>
      </c>
      <c r="C80" t="s">
        <v>424</v>
      </c>
      <c r="D80" t="s">
        <v>425</v>
      </c>
      <c r="E80" t="s">
        <v>17</v>
      </c>
      <c r="F80" t="s">
        <v>426</v>
      </c>
      <c r="G80" t="s">
        <v>427</v>
      </c>
    </row>
    <row r="81" spans="1:7" x14ac:dyDescent="0.2">
      <c r="A81" t="s">
        <v>428</v>
      </c>
      <c r="B81" t="s">
        <v>429</v>
      </c>
      <c r="C81" t="s">
        <v>430</v>
      </c>
      <c r="D81" t="s">
        <v>431</v>
      </c>
      <c r="E81" t="s">
        <v>17</v>
      </c>
      <c r="F81" t="s">
        <v>426</v>
      </c>
      <c r="G81" t="s">
        <v>432</v>
      </c>
    </row>
    <row r="82" spans="1:7" x14ac:dyDescent="0.2">
      <c r="A82" t="s">
        <v>433</v>
      </c>
      <c r="B82" t="s">
        <v>434</v>
      </c>
      <c r="C82" t="s">
        <v>435</v>
      </c>
      <c r="D82" t="s">
        <v>436</v>
      </c>
      <c r="E82" t="s">
        <v>17</v>
      </c>
      <c r="F82" t="s">
        <v>426</v>
      </c>
      <c r="G82" t="s">
        <v>437</v>
      </c>
    </row>
    <row r="83" spans="1:7" x14ac:dyDescent="0.2">
      <c r="A83" t="s">
        <v>438</v>
      </c>
      <c r="B83" t="s">
        <v>439</v>
      </c>
      <c r="C83" t="s">
        <v>440</v>
      </c>
      <c r="D83" t="s">
        <v>441</v>
      </c>
      <c r="E83" t="s">
        <v>17</v>
      </c>
      <c r="F83" t="s">
        <v>442</v>
      </c>
      <c r="G83" t="s">
        <v>443</v>
      </c>
    </row>
    <row r="84" spans="1:7" x14ac:dyDescent="0.2">
      <c r="A84" t="s">
        <v>444</v>
      </c>
      <c r="B84" t="s">
        <v>445</v>
      </c>
      <c r="C84" t="s">
        <v>446</v>
      </c>
      <c r="D84" t="s">
        <v>447</v>
      </c>
      <c r="E84" t="s">
        <v>11</v>
      </c>
      <c r="G84" t="s">
        <v>448</v>
      </c>
    </row>
    <row r="85" spans="1:7" x14ac:dyDescent="0.2">
      <c r="A85" t="s">
        <v>449</v>
      </c>
      <c r="B85" t="s">
        <v>450</v>
      </c>
      <c r="C85" t="s">
        <v>451</v>
      </c>
      <c r="D85" t="s">
        <v>452</v>
      </c>
      <c r="E85" t="s">
        <v>17</v>
      </c>
      <c r="F85" t="s">
        <v>453</v>
      </c>
      <c r="G85" t="s">
        <v>454</v>
      </c>
    </row>
    <row r="86" spans="1:7" x14ac:dyDescent="0.2">
      <c r="A86" t="s">
        <v>455</v>
      </c>
      <c r="B86" t="s">
        <v>456</v>
      </c>
      <c r="C86" t="s">
        <v>457</v>
      </c>
      <c r="D86" t="s">
        <v>458</v>
      </c>
      <c r="E86" t="s">
        <v>17</v>
      </c>
      <c r="F86" t="s">
        <v>459</v>
      </c>
      <c r="G86" t="s">
        <v>460</v>
      </c>
    </row>
    <row r="87" spans="1:7" x14ac:dyDescent="0.2">
      <c r="A87" t="s">
        <v>461</v>
      </c>
      <c r="B87" t="s">
        <v>462</v>
      </c>
      <c r="C87" t="s">
        <v>463</v>
      </c>
      <c r="D87" t="s">
        <v>464</v>
      </c>
      <c r="E87" t="s">
        <v>17</v>
      </c>
      <c r="F87" t="s">
        <v>465</v>
      </c>
      <c r="G87" t="s">
        <v>466</v>
      </c>
    </row>
    <row r="88" spans="1:7" x14ac:dyDescent="0.2">
      <c r="A88" t="s">
        <v>467</v>
      </c>
      <c r="B88" t="s">
        <v>468</v>
      </c>
      <c r="C88" t="s">
        <v>469</v>
      </c>
      <c r="D88" t="s">
        <v>470</v>
      </c>
      <c r="E88" t="s">
        <v>11</v>
      </c>
      <c r="G88" t="s">
        <v>471</v>
      </c>
    </row>
    <row r="89" spans="1:7" x14ac:dyDescent="0.2">
      <c r="A89" t="s">
        <v>472</v>
      </c>
      <c r="B89" t="s">
        <v>473</v>
      </c>
      <c r="C89" t="s">
        <v>474</v>
      </c>
      <c r="D89" t="s">
        <v>475</v>
      </c>
      <c r="E89" t="s">
        <v>17</v>
      </c>
      <c r="F89" t="s">
        <v>476</v>
      </c>
      <c r="G89" t="s">
        <v>477</v>
      </c>
    </row>
    <row r="90" spans="1:7" x14ac:dyDescent="0.2">
      <c r="A90" t="s">
        <v>478</v>
      </c>
      <c r="B90" t="s">
        <v>479</v>
      </c>
      <c r="C90" t="s">
        <v>480</v>
      </c>
      <c r="D90" t="s">
        <v>481</v>
      </c>
      <c r="E90" t="s">
        <v>11</v>
      </c>
      <c r="G90" t="s">
        <v>482</v>
      </c>
    </row>
    <row r="91" spans="1:7" x14ac:dyDescent="0.2">
      <c r="A91" t="s">
        <v>483</v>
      </c>
      <c r="B91" t="s">
        <v>484</v>
      </c>
      <c r="C91" t="s">
        <v>485</v>
      </c>
      <c r="D91" t="s">
        <v>486</v>
      </c>
      <c r="E91" t="s">
        <v>11</v>
      </c>
      <c r="G91" t="s">
        <v>487</v>
      </c>
    </row>
    <row r="92" spans="1:7" x14ac:dyDescent="0.2">
      <c r="A92" t="s">
        <v>488</v>
      </c>
      <c r="B92" t="s">
        <v>489</v>
      </c>
      <c r="C92" t="s">
        <v>490</v>
      </c>
      <c r="D92" t="s">
        <v>491</v>
      </c>
      <c r="E92" t="s">
        <v>11</v>
      </c>
      <c r="G92" t="s">
        <v>492</v>
      </c>
    </row>
    <row r="93" spans="1:7" x14ac:dyDescent="0.2">
      <c r="A93" t="s">
        <v>493</v>
      </c>
      <c r="B93" t="s">
        <v>494</v>
      </c>
      <c r="C93" t="s">
        <v>495</v>
      </c>
      <c r="D93" t="s">
        <v>496</v>
      </c>
      <c r="E93" t="s">
        <v>11</v>
      </c>
      <c r="G93" t="s">
        <v>497</v>
      </c>
    </row>
    <row r="94" spans="1:7" x14ac:dyDescent="0.2">
      <c r="A94" t="s">
        <v>498</v>
      </c>
      <c r="B94" t="s">
        <v>499</v>
      </c>
      <c r="C94" t="s">
        <v>500</v>
      </c>
      <c r="D94" t="s">
        <v>501</v>
      </c>
      <c r="E94" t="s">
        <v>11</v>
      </c>
      <c r="G94" t="s">
        <v>502</v>
      </c>
    </row>
    <row r="95" spans="1:7" x14ac:dyDescent="0.2">
      <c r="A95" t="s">
        <v>503</v>
      </c>
      <c r="B95" t="s">
        <v>504</v>
      </c>
      <c r="C95" t="s">
        <v>505</v>
      </c>
      <c r="D95" t="s">
        <v>506</v>
      </c>
      <c r="E95" t="s">
        <v>17</v>
      </c>
      <c r="F95" t="s">
        <v>70</v>
      </c>
      <c r="G95" t="s">
        <v>507</v>
      </c>
    </row>
    <row r="96" spans="1:7" x14ac:dyDescent="0.2">
      <c r="A96" t="s">
        <v>508</v>
      </c>
      <c r="B96" t="s">
        <v>509</v>
      </c>
      <c r="C96" t="s">
        <v>510</v>
      </c>
      <c r="D96" t="s">
        <v>511</v>
      </c>
      <c r="E96" t="s">
        <v>11</v>
      </c>
      <c r="G96" t="s">
        <v>512</v>
      </c>
    </row>
    <row r="97" spans="1:7" x14ac:dyDescent="0.2">
      <c r="A97" t="s">
        <v>513</v>
      </c>
      <c r="B97" t="s">
        <v>514</v>
      </c>
      <c r="C97" t="s">
        <v>515</v>
      </c>
      <c r="D97" t="s">
        <v>516</v>
      </c>
      <c r="E97" t="s">
        <v>11</v>
      </c>
      <c r="G97" t="s">
        <v>517</v>
      </c>
    </row>
    <row r="98" spans="1:7" x14ac:dyDescent="0.2">
      <c r="A98" t="s">
        <v>518</v>
      </c>
      <c r="B98" t="s">
        <v>519</v>
      </c>
      <c r="C98" t="s">
        <v>520</v>
      </c>
      <c r="D98" t="s">
        <v>521</v>
      </c>
      <c r="E98" t="s">
        <v>11</v>
      </c>
      <c r="G98" t="s">
        <v>522</v>
      </c>
    </row>
    <row r="99" spans="1:7" x14ac:dyDescent="0.2">
      <c r="A99" t="s">
        <v>523</v>
      </c>
      <c r="B99" t="s">
        <v>524</v>
      </c>
      <c r="C99" t="s">
        <v>525</v>
      </c>
      <c r="D99" t="s">
        <v>526</v>
      </c>
      <c r="E99" t="s">
        <v>287</v>
      </c>
      <c r="F99" t="s">
        <v>527</v>
      </c>
      <c r="G99" t="s">
        <v>528</v>
      </c>
    </row>
    <row r="100" spans="1:7" x14ac:dyDescent="0.2">
      <c r="A100" t="s">
        <v>529</v>
      </c>
      <c r="B100" t="s">
        <v>530</v>
      </c>
      <c r="C100" t="s">
        <v>531</v>
      </c>
      <c r="D100" t="s">
        <v>532</v>
      </c>
      <c r="E100" t="s">
        <v>17</v>
      </c>
      <c r="F100" t="s">
        <v>533</v>
      </c>
      <c r="G100" t="s">
        <v>534</v>
      </c>
    </row>
    <row r="101" spans="1:7" x14ac:dyDescent="0.2">
      <c r="A101" t="s">
        <v>535</v>
      </c>
      <c r="B101" t="s">
        <v>536</v>
      </c>
      <c r="C101" t="s">
        <v>537</v>
      </c>
      <c r="D101" t="s">
        <v>538</v>
      </c>
      <c r="E101" t="s">
        <v>17</v>
      </c>
      <c r="F101" t="s">
        <v>45</v>
      </c>
      <c r="G101" t="s">
        <v>539</v>
      </c>
    </row>
    <row r="102" spans="1:7" x14ac:dyDescent="0.2">
      <c r="A102" t="s">
        <v>540</v>
      </c>
      <c r="B102" t="s">
        <v>541</v>
      </c>
      <c r="C102" t="s">
        <v>542</v>
      </c>
      <c r="D102" t="s">
        <v>543</v>
      </c>
      <c r="E102" t="s">
        <v>11</v>
      </c>
      <c r="G102" t="s">
        <v>544</v>
      </c>
    </row>
    <row r="103" spans="1:7" x14ac:dyDescent="0.2">
      <c r="A103" t="s">
        <v>545</v>
      </c>
      <c r="B103" t="s">
        <v>546</v>
      </c>
      <c r="C103" t="s">
        <v>547</v>
      </c>
      <c r="D103" t="s">
        <v>548</v>
      </c>
      <c r="E103" t="s">
        <v>11</v>
      </c>
      <c r="G103" t="s">
        <v>549</v>
      </c>
    </row>
    <row r="104" spans="1:7" x14ac:dyDescent="0.2">
      <c r="A104" t="s">
        <v>550</v>
      </c>
      <c r="B104" t="s">
        <v>551</v>
      </c>
      <c r="C104" t="s">
        <v>552</v>
      </c>
      <c r="D104" t="s">
        <v>553</v>
      </c>
      <c r="E104" t="s">
        <v>11</v>
      </c>
      <c r="G104" t="s">
        <v>554</v>
      </c>
    </row>
    <row r="105" spans="1:7" x14ac:dyDescent="0.2">
      <c r="A105" t="s">
        <v>555</v>
      </c>
      <c r="B105" t="s">
        <v>556</v>
      </c>
      <c r="C105" t="s">
        <v>557</v>
      </c>
      <c r="D105" t="s">
        <v>558</v>
      </c>
      <c r="E105" t="s">
        <v>11</v>
      </c>
      <c r="G105" t="s">
        <v>559</v>
      </c>
    </row>
    <row r="106" spans="1:7" x14ac:dyDescent="0.2">
      <c r="A106" t="s">
        <v>560</v>
      </c>
      <c r="B106" t="s">
        <v>561</v>
      </c>
      <c r="C106" t="s">
        <v>562</v>
      </c>
      <c r="D106" t="s">
        <v>563</v>
      </c>
      <c r="E106" t="s">
        <v>17</v>
      </c>
      <c r="F106" t="s">
        <v>564</v>
      </c>
      <c r="G106" t="s">
        <v>565</v>
      </c>
    </row>
    <row r="107" spans="1:7" x14ac:dyDescent="0.2">
      <c r="A107" t="s">
        <v>566</v>
      </c>
      <c r="B107" t="s">
        <v>567</v>
      </c>
      <c r="C107" t="s">
        <v>568</v>
      </c>
      <c r="D107" t="s">
        <v>569</v>
      </c>
      <c r="E107" t="s">
        <v>17</v>
      </c>
      <c r="F107" t="s">
        <v>570</v>
      </c>
      <c r="G107" t="s">
        <v>571</v>
      </c>
    </row>
    <row r="108" spans="1:7" x14ac:dyDescent="0.2">
      <c r="A108" t="s">
        <v>572</v>
      </c>
      <c r="B108" t="s">
        <v>573</v>
      </c>
      <c r="C108" t="s">
        <v>574</v>
      </c>
      <c r="D108" t="s">
        <v>575</v>
      </c>
      <c r="E108" t="s">
        <v>17</v>
      </c>
      <c r="F108" t="s">
        <v>576</v>
      </c>
      <c r="G108" t="s">
        <v>577</v>
      </c>
    </row>
    <row r="109" spans="1:7" x14ac:dyDescent="0.2">
      <c r="A109" t="s">
        <v>578</v>
      </c>
      <c r="B109" t="s">
        <v>579</v>
      </c>
      <c r="C109" t="s">
        <v>580</v>
      </c>
      <c r="D109" t="s">
        <v>581</v>
      </c>
      <c r="E109" t="s">
        <v>17</v>
      </c>
      <c r="F109" t="s">
        <v>582</v>
      </c>
      <c r="G109" t="s">
        <v>583</v>
      </c>
    </row>
    <row r="110" spans="1:7" x14ac:dyDescent="0.2">
      <c r="A110" t="s">
        <v>584</v>
      </c>
      <c r="B110" t="s">
        <v>585</v>
      </c>
      <c r="C110" t="s">
        <v>586</v>
      </c>
      <c r="D110" t="s">
        <v>587</v>
      </c>
      <c r="E110" t="s">
        <v>11</v>
      </c>
      <c r="G110" t="s">
        <v>588</v>
      </c>
    </row>
    <row r="111" spans="1:7" x14ac:dyDescent="0.2">
      <c r="A111" t="s">
        <v>589</v>
      </c>
      <c r="B111" t="s">
        <v>590</v>
      </c>
      <c r="C111" t="s">
        <v>591</v>
      </c>
      <c r="D111" t="s">
        <v>592</v>
      </c>
      <c r="E111" t="s">
        <v>17</v>
      </c>
      <c r="F111" t="s">
        <v>310</v>
      </c>
      <c r="G111" t="s">
        <v>593</v>
      </c>
    </row>
    <row r="112" spans="1:7" x14ac:dyDescent="0.2">
      <c r="A112" t="s">
        <v>594</v>
      </c>
      <c r="B112" t="s">
        <v>595</v>
      </c>
      <c r="C112" t="s">
        <v>596</v>
      </c>
      <c r="D112" t="s">
        <v>597</v>
      </c>
      <c r="E112" t="s">
        <v>11</v>
      </c>
      <c r="G112" t="s">
        <v>598</v>
      </c>
    </row>
    <row r="113" spans="1:7" x14ac:dyDescent="0.2">
      <c r="A113" t="s">
        <v>599</v>
      </c>
      <c r="B113" t="s">
        <v>600</v>
      </c>
      <c r="C113" t="s">
        <v>601</v>
      </c>
      <c r="D113" t="s">
        <v>602</v>
      </c>
      <c r="E113" t="s">
        <v>17</v>
      </c>
      <c r="F113" t="s">
        <v>603</v>
      </c>
      <c r="G113" t="s">
        <v>604</v>
      </c>
    </row>
    <row r="114" spans="1:7" x14ac:dyDescent="0.2">
      <c r="A114" t="s">
        <v>605</v>
      </c>
      <c r="B114" t="s">
        <v>606</v>
      </c>
      <c r="C114" t="s">
        <v>607</v>
      </c>
      <c r="D114" t="s">
        <v>608</v>
      </c>
      <c r="E114" t="s">
        <v>17</v>
      </c>
      <c r="F114" t="s">
        <v>70</v>
      </c>
      <c r="G114" t="s">
        <v>609</v>
      </c>
    </row>
    <row r="115" spans="1:7" x14ac:dyDescent="0.2">
      <c r="A115" t="s">
        <v>610</v>
      </c>
      <c r="B115" t="s">
        <v>611</v>
      </c>
      <c r="C115" t="s">
        <v>612</v>
      </c>
      <c r="D115" t="s">
        <v>613</v>
      </c>
      <c r="E115" t="s">
        <v>11</v>
      </c>
      <c r="G115" t="s">
        <v>614</v>
      </c>
    </row>
    <row r="116" spans="1:7" x14ac:dyDescent="0.2">
      <c r="A116" t="s">
        <v>615</v>
      </c>
      <c r="B116" t="s">
        <v>616</v>
      </c>
      <c r="C116" t="s">
        <v>617</v>
      </c>
      <c r="D116" t="s">
        <v>618</v>
      </c>
      <c r="E116" t="s">
        <v>17</v>
      </c>
      <c r="F116" t="s">
        <v>619</v>
      </c>
      <c r="G116" t="s">
        <v>620</v>
      </c>
    </row>
    <row r="117" spans="1:7" x14ac:dyDescent="0.2">
      <c r="A117" t="s">
        <v>621</v>
      </c>
      <c r="B117" t="s">
        <v>622</v>
      </c>
      <c r="C117" t="s">
        <v>623</v>
      </c>
      <c r="D117" t="s">
        <v>618</v>
      </c>
      <c r="E117" t="s">
        <v>63</v>
      </c>
      <c r="F117" t="s">
        <v>624</v>
      </c>
      <c r="G117" t="s">
        <v>625</v>
      </c>
    </row>
    <row r="118" spans="1:7" x14ac:dyDescent="0.2">
      <c r="A118" t="s">
        <v>626</v>
      </c>
      <c r="B118" t="s">
        <v>627</v>
      </c>
      <c r="C118" t="s">
        <v>628</v>
      </c>
      <c r="D118" t="s">
        <v>629</v>
      </c>
      <c r="E118" t="s">
        <v>63</v>
      </c>
      <c r="F118" t="s">
        <v>630</v>
      </c>
      <c r="G118" t="s">
        <v>631</v>
      </c>
    </row>
    <row r="119" spans="1:7" x14ac:dyDescent="0.2">
      <c r="A119" t="s">
        <v>632</v>
      </c>
      <c r="B119" t="s">
        <v>633</v>
      </c>
      <c r="C119" t="s">
        <v>634</v>
      </c>
      <c r="D119" t="s">
        <v>635</v>
      </c>
      <c r="E119" t="s">
        <v>11</v>
      </c>
      <c r="G119" t="s">
        <v>636</v>
      </c>
    </row>
    <row r="120" spans="1:7" x14ac:dyDescent="0.2">
      <c r="A120" t="s">
        <v>637</v>
      </c>
      <c r="B120" t="s">
        <v>638</v>
      </c>
      <c r="C120" t="s">
        <v>639</v>
      </c>
      <c r="D120" t="s">
        <v>640</v>
      </c>
      <c r="E120" t="s">
        <v>17</v>
      </c>
      <c r="F120" t="s">
        <v>641</v>
      </c>
      <c r="G120" t="s">
        <v>642</v>
      </c>
    </row>
    <row r="121" spans="1:7" x14ac:dyDescent="0.2">
      <c r="A121" t="s">
        <v>643</v>
      </c>
      <c r="B121" t="s">
        <v>644</v>
      </c>
      <c r="C121" t="s">
        <v>645</v>
      </c>
      <c r="D121" t="s">
        <v>646</v>
      </c>
      <c r="E121" t="s">
        <v>11</v>
      </c>
      <c r="G121" t="s">
        <v>647</v>
      </c>
    </row>
    <row r="122" spans="1:7" x14ac:dyDescent="0.2">
      <c r="A122" t="s">
        <v>648</v>
      </c>
      <c r="B122" t="s">
        <v>649</v>
      </c>
      <c r="C122" t="s">
        <v>650</v>
      </c>
      <c r="D122" t="s">
        <v>651</v>
      </c>
      <c r="E122" t="s">
        <v>11</v>
      </c>
      <c r="G122" t="s">
        <v>652</v>
      </c>
    </row>
    <row r="123" spans="1:7" x14ac:dyDescent="0.2">
      <c r="A123" t="s">
        <v>653</v>
      </c>
      <c r="B123" t="s">
        <v>654</v>
      </c>
      <c r="C123" t="s">
        <v>655</v>
      </c>
      <c r="D123" t="s">
        <v>656</v>
      </c>
      <c r="E123" t="s">
        <v>11</v>
      </c>
      <c r="G123" t="s">
        <v>657</v>
      </c>
    </row>
    <row r="124" spans="1:7" x14ac:dyDescent="0.2">
      <c r="A124" t="s">
        <v>658</v>
      </c>
      <c r="B124" t="s">
        <v>659</v>
      </c>
      <c r="C124" t="s">
        <v>660</v>
      </c>
      <c r="D124" t="s">
        <v>661</v>
      </c>
      <c r="E124" t="s">
        <v>17</v>
      </c>
      <c r="F124" t="s">
        <v>662</v>
      </c>
      <c r="G124" t="s">
        <v>663</v>
      </c>
    </row>
    <row r="125" spans="1:7" x14ac:dyDescent="0.2">
      <c r="A125" t="s">
        <v>664</v>
      </c>
      <c r="B125" t="s">
        <v>665</v>
      </c>
      <c r="C125" t="s">
        <v>666</v>
      </c>
      <c r="D125" t="s">
        <v>667</v>
      </c>
      <c r="E125" t="s">
        <v>17</v>
      </c>
      <c r="F125" t="s">
        <v>70</v>
      </c>
      <c r="G125" t="s">
        <v>668</v>
      </c>
    </row>
    <row r="126" spans="1:7" x14ac:dyDescent="0.2">
      <c r="A126" t="s">
        <v>669</v>
      </c>
      <c r="B126" t="s">
        <v>670</v>
      </c>
      <c r="C126" t="s">
        <v>671</v>
      </c>
      <c r="D126" t="s">
        <v>672</v>
      </c>
      <c r="E126" t="s">
        <v>17</v>
      </c>
      <c r="F126" t="s">
        <v>310</v>
      </c>
      <c r="G126" t="s">
        <v>673</v>
      </c>
    </row>
    <row r="127" spans="1:7" x14ac:dyDescent="0.2">
      <c r="A127" t="s">
        <v>674</v>
      </c>
      <c r="B127" t="s">
        <v>675</v>
      </c>
      <c r="C127" t="s">
        <v>676</v>
      </c>
      <c r="D127" t="s">
        <v>677</v>
      </c>
      <c r="E127" t="s">
        <v>17</v>
      </c>
      <c r="F127" t="s">
        <v>70</v>
      </c>
      <c r="G127" t="s">
        <v>678</v>
      </c>
    </row>
    <row r="128" spans="1:7" x14ac:dyDescent="0.2">
      <c r="A128" t="s">
        <v>679</v>
      </c>
      <c r="B128" t="s">
        <v>680</v>
      </c>
      <c r="C128" t="s">
        <v>681</v>
      </c>
      <c r="D128" t="s">
        <v>682</v>
      </c>
      <c r="E128" t="s">
        <v>17</v>
      </c>
      <c r="F128" t="s">
        <v>683</v>
      </c>
      <c r="G128" t="s">
        <v>684</v>
      </c>
    </row>
    <row r="129" spans="1:7" x14ac:dyDescent="0.2">
      <c r="A129" t="s">
        <v>685</v>
      </c>
      <c r="B129" t="s">
        <v>686</v>
      </c>
      <c r="C129" t="s">
        <v>687</v>
      </c>
      <c r="D129" t="s">
        <v>688</v>
      </c>
      <c r="E129" t="s">
        <v>17</v>
      </c>
      <c r="F129" t="s">
        <v>18</v>
      </c>
      <c r="G129" t="s">
        <v>689</v>
      </c>
    </row>
    <row r="130" spans="1:7" x14ac:dyDescent="0.2">
      <c r="A130" t="s">
        <v>690</v>
      </c>
      <c r="B130" t="s">
        <v>691</v>
      </c>
      <c r="C130" t="s">
        <v>692</v>
      </c>
      <c r="D130" t="s">
        <v>693</v>
      </c>
      <c r="E130" t="s">
        <v>17</v>
      </c>
      <c r="F130" t="s">
        <v>694</v>
      </c>
      <c r="G130" t="s">
        <v>695</v>
      </c>
    </row>
    <row r="131" spans="1:7" x14ac:dyDescent="0.2">
      <c r="A131" t="s">
        <v>696</v>
      </c>
      <c r="B131" t="s">
        <v>697</v>
      </c>
      <c r="C131" t="s">
        <v>698</v>
      </c>
      <c r="D131" t="s">
        <v>699</v>
      </c>
      <c r="E131" t="s">
        <v>11</v>
      </c>
      <c r="G131" t="s">
        <v>700</v>
      </c>
    </row>
    <row r="132" spans="1:7" x14ac:dyDescent="0.2">
      <c r="A132" t="s">
        <v>701</v>
      </c>
      <c r="B132" t="s">
        <v>702</v>
      </c>
      <c r="C132" t="s">
        <v>703</v>
      </c>
      <c r="D132" t="s">
        <v>704</v>
      </c>
      <c r="E132" t="s">
        <v>11</v>
      </c>
      <c r="G132" t="s">
        <v>705</v>
      </c>
    </row>
    <row r="133" spans="1:7" x14ac:dyDescent="0.2">
      <c r="A133" t="s">
        <v>706</v>
      </c>
      <c r="B133" t="s">
        <v>707</v>
      </c>
      <c r="C133" t="s">
        <v>708</v>
      </c>
      <c r="D133" t="s">
        <v>709</v>
      </c>
      <c r="E133" t="s">
        <v>11</v>
      </c>
      <c r="G133" t="s">
        <v>710</v>
      </c>
    </row>
    <row r="134" spans="1:7" x14ac:dyDescent="0.2">
      <c r="A134" t="s">
        <v>711</v>
      </c>
      <c r="B134" t="s">
        <v>712</v>
      </c>
      <c r="C134" t="s">
        <v>713</v>
      </c>
      <c r="D134" t="s">
        <v>714</v>
      </c>
      <c r="E134" t="s">
        <v>11</v>
      </c>
      <c r="G134" t="s">
        <v>715</v>
      </c>
    </row>
    <row r="135" spans="1:7" x14ac:dyDescent="0.2">
      <c r="A135" t="s">
        <v>716</v>
      </c>
      <c r="B135" t="s">
        <v>717</v>
      </c>
      <c r="C135" t="s">
        <v>718</v>
      </c>
      <c r="D135" t="s">
        <v>719</v>
      </c>
      <c r="E135" t="s">
        <v>17</v>
      </c>
      <c r="F135" t="s">
        <v>98</v>
      </c>
      <c r="G135" t="s">
        <v>720</v>
      </c>
    </row>
    <row r="136" spans="1:7" x14ac:dyDescent="0.2">
      <c r="A136" t="s">
        <v>721</v>
      </c>
      <c r="B136" t="s">
        <v>722</v>
      </c>
      <c r="C136" t="s">
        <v>723</v>
      </c>
      <c r="D136" t="s">
        <v>724</v>
      </c>
      <c r="E136" t="s">
        <v>11</v>
      </c>
      <c r="G136" t="s">
        <v>725</v>
      </c>
    </row>
    <row r="137" spans="1:7" x14ac:dyDescent="0.2">
      <c r="A137" t="s">
        <v>726</v>
      </c>
      <c r="B137" t="s">
        <v>727</v>
      </c>
      <c r="C137" t="s">
        <v>728</v>
      </c>
      <c r="D137" t="s">
        <v>729</v>
      </c>
      <c r="E137" t="s">
        <v>11</v>
      </c>
      <c r="G137" t="s">
        <v>730</v>
      </c>
    </row>
    <row r="138" spans="1:7" x14ac:dyDescent="0.2">
      <c r="A138" t="s">
        <v>731</v>
      </c>
      <c r="B138" t="s">
        <v>732</v>
      </c>
      <c r="C138" t="s">
        <v>733</v>
      </c>
      <c r="D138" t="s">
        <v>734</v>
      </c>
      <c r="E138" t="s">
        <v>287</v>
      </c>
      <c r="F138" t="s">
        <v>332</v>
      </c>
      <c r="G138" t="s">
        <v>735</v>
      </c>
    </row>
    <row r="139" spans="1:7" x14ac:dyDescent="0.2">
      <c r="A139" t="s">
        <v>736</v>
      </c>
      <c r="B139" t="s">
        <v>737</v>
      </c>
      <c r="C139" t="s">
        <v>738</v>
      </c>
      <c r="D139" t="s">
        <v>739</v>
      </c>
      <c r="E139" t="s">
        <v>11</v>
      </c>
      <c r="G139" t="s">
        <v>740</v>
      </c>
    </row>
    <row r="140" spans="1:7" x14ac:dyDescent="0.2">
      <c r="A140" t="s">
        <v>741</v>
      </c>
      <c r="B140" t="s">
        <v>742</v>
      </c>
      <c r="C140" t="s">
        <v>743</v>
      </c>
      <c r="D140" t="s">
        <v>744</v>
      </c>
      <c r="E140" t="s">
        <v>11</v>
      </c>
      <c r="G140" t="s">
        <v>745</v>
      </c>
    </row>
    <row r="141" spans="1:7" x14ac:dyDescent="0.2">
      <c r="A141" t="s">
        <v>746</v>
      </c>
      <c r="B141" t="s">
        <v>747</v>
      </c>
      <c r="C141" t="s">
        <v>748</v>
      </c>
      <c r="D141" t="s">
        <v>749</v>
      </c>
      <c r="E141" t="s">
        <v>17</v>
      </c>
      <c r="F141" t="s">
        <v>750</v>
      </c>
      <c r="G141" t="s">
        <v>751</v>
      </c>
    </row>
    <row r="142" spans="1:7" x14ac:dyDescent="0.2">
      <c r="A142" t="s">
        <v>752</v>
      </c>
      <c r="B142" t="s">
        <v>753</v>
      </c>
      <c r="C142" t="s">
        <v>754</v>
      </c>
      <c r="D142" t="s">
        <v>755</v>
      </c>
      <c r="E142" t="s">
        <v>17</v>
      </c>
      <c r="F142" t="s">
        <v>756</v>
      </c>
      <c r="G142" t="s">
        <v>757</v>
      </c>
    </row>
    <row r="143" spans="1:7" x14ac:dyDescent="0.2">
      <c r="A143" t="s">
        <v>758</v>
      </c>
      <c r="B143" t="s">
        <v>759</v>
      </c>
      <c r="C143" t="s">
        <v>760</v>
      </c>
      <c r="D143" t="s">
        <v>761</v>
      </c>
      <c r="E143" t="s">
        <v>287</v>
      </c>
      <c r="F143" t="s">
        <v>332</v>
      </c>
      <c r="G143" t="s">
        <v>762</v>
      </c>
    </row>
    <row r="144" spans="1:7" x14ac:dyDescent="0.2">
      <c r="A144" t="s">
        <v>763</v>
      </c>
      <c r="B144" t="s">
        <v>764</v>
      </c>
      <c r="C144" t="s">
        <v>765</v>
      </c>
      <c r="D144" t="s">
        <v>766</v>
      </c>
      <c r="E144" t="s">
        <v>17</v>
      </c>
      <c r="F144" t="s">
        <v>310</v>
      </c>
      <c r="G144" t="s">
        <v>767</v>
      </c>
    </row>
    <row r="145" spans="1:7" x14ac:dyDescent="0.2">
      <c r="A145" t="s">
        <v>768</v>
      </c>
      <c r="B145" t="s">
        <v>769</v>
      </c>
      <c r="C145" t="s">
        <v>770</v>
      </c>
      <c r="D145" t="s">
        <v>771</v>
      </c>
      <c r="E145" t="s">
        <v>17</v>
      </c>
      <c r="F145" t="s">
        <v>98</v>
      </c>
      <c r="G145" t="s">
        <v>772</v>
      </c>
    </row>
    <row r="146" spans="1:7" x14ac:dyDescent="0.2">
      <c r="A146" t="s">
        <v>773</v>
      </c>
      <c r="B146" t="s">
        <v>774</v>
      </c>
      <c r="C146" t="s">
        <v>775</v>
      </c>
      <c r="D146" t="s">
        <v>776</v>
      </c>
      <c r="E146" t="s">
        <v>17</v>
      </c>
      <c r="F146" t="s">
        <v>29</v>
      </c>
      <c r="G146" t="s">
        <v>777</v>
      </c>
    </row>
    <row r="147" spans="1:7" x14ac:dyDescent="0.2">
      <c r="A147" t="s">
        <v>778</v>
      </c>
      <c r="B147" t="s">
        <v>779</v>
      </c>
      <c r="C147" t="s">
        <v>780</v>
      </c>
      <c r="D147" t="s">
        <v>781</v>
      </c>
      <c r="E147" t="s">
        <v>11</v>
      </c>
      <c r="G147" t="s">
        <v>782</v>
      </c>
    </row>
    <row r="148" spans="1:7" x14ac:dyDescent="0.2">
      <c r="A148" t="s">
        <v>783</v>
      </c>
      <c r="B148" t="s">
        <v>784</v>
      </c>
      <c r="C148" t="s">
        <v>785</v>
      </c>
      <c r="D148" t="s">
        <v>786</v>
      </c>
      <c r="E148" t="s">
        <v>17</v>
      </c>
      <c r="F148" t="s">
        <v>18</v>
      </c>
      <c r="G148" t="s">
        <v>787</v>
      </c>
    </row>
    <row r="149" spans="1:7" x14ac:dyDescent="0.2">
      <c r="A149" t="s">
        <v>788</v>
      </c>
      <c r="B149" t="s">
        <v>789</v>
      </c>
      <c r="C149" t="s">
        <v>790</v>
      </c>
      <c r="D149" t="s">
        <v>791</v>
      </c>
      <c r="E149" t="s">
        <v>17</v>
      </c>
      <c r="F149" t="s">
        <v>792</v>
      </c>
      <c r="G149" t="s">
        <v>793</v>
      </c>
    </row>
    <row r="150" spans="1:7" x14ac:dyDescent="0.2">
      <c r="A150" t="s">
        <v>794</v>
      </c>
      <c r="B150" t="s">
        <v>795</v>
      </c>
      <c r="C150" t="s">
        <v>796</v>
      </c>
      <c r="D150" t="s">
        <v>797</v>
      </c>
      <c r="E150" t="s">
        <v>17</v>
      </c>
      <c r="F150" t="s">
        <v>798</v>
      </c>
      <c r="G150" t="s">
        <v>799</v>
      </c>
    </row>
    <row r="151" spans="1:7" x14ac:dyDescent="0.2">
      <c r="A151" t="s">
        <v>800</v>
      </c>
      <c r="B151" t="s">
        <v>801</v>
      </c>
      <c r="C151" t="s">
        <v>802</v>
      </c>
      <c r="D151" t="s">
        <v>803</v>
      </c>
      <c r="E151" t="s">
        <v>11</v>
      </c>
      <c r="G151" t="s">
        <v>804</v>
      </c>
    </row>
    <row r="152" spans="1:7" x14ac:dyDescent="0.2">
      <c r="A152" t="s">
        <v>805</v>
      </c>
      <c r="B152" t="s">
        <v>806</v>
      </c>
      <c r="C152" t="s">
        <v>807</v>
      </c>
      <c r="D152" t="s">
        <v>808</v>
      </c>
      <c r="E152" t="s">
        <v>11</v>
      </c>
      <c r="G152" t="s">
        <v>809</v>
      </c>
    </row>
    <row r="153" spans="1:7" x14ac:dyDescent="0.2">
      <c r="A153" t="s">
        <v>810</v>
      </c>
      <c r="B153" t="s">
        <v>811</v>
      </c>
      <c r="C153" t="s">
        <v>812</v>
      </c>
      <c r="D153" t="s">
        <v>813</v>
      </c>
      <c r="E153" t="s">
        <v>17</v>
      </c>
      <c r="F153" t="s">
        <v>814</v>
      </c>
      <c r="G153" t="s">
        <v>815</v>
      </c>
    </row>
    <row r="154" spans="1:7" x14ac:dyDescent="0.2">
      <c r="A154" t="s">
        <v>816</v>
      </c>
      <c r="B154" t="s">
        <v>817</v>
      </c>
      <c r="C154" t="s">
        <v>818</v>
      </c>
      <c r="D154" t="s">
        <v>819</v>
      </c>
      <c r="E154" t="s">
        <v>11</v>
      </c>
      <c r="G154" t="s">
        <v>820</v>
      </c>
    </row>
    <row r="155" spans="1:7" x14ac:dyDescent="0.2">
      <c r="A155" t="s">
        <v>821</v>
      </c>
      <c r="B155" t="s">
        <v>822</v>
      </c>
      <c r="C155" t="s">
        <v>823</v>
      </c>
      <c r="D155" t="s">
        <v>824</v>
      </c>
      <c r="E155" t="s">
        <v>11</v>
      </c>
      <c r="G155" t="s">
        <v>825</v>
      </c>
    </row>
    <row r="156" spans="1:7" x14ac:dyDescent="0.2">
      <c r="A156" t="s">
        <v>826</v>
      </c>
      <c r="B156" t="s">
        <v>827</v>
      </c>
      <c r="C156" t="s">
        <v>828</v>
      </c>
      <c r="D156" t="s">
        <v>829</v>
      </c>
      <c r="E156" t="s">
        <v>11</v>
      </c>
      <c r="G156" t="s">
        <v>830</v>
      </c>
    </row>
    <row r="157" spans="1:7" x14ac:dyDescent="0.2">
      <c r="A157" t="s">
        <v>831</v>
      </c>
      <c r="B157" t="s">
        <v>832</v>
      </c>
      <c r="C157" t="s">
        <v>833</v>
      </c>
      <c r="D157" t="s">
        <v>834</v>
      </c>
      <c r="E157" t="s">
        <v>11</v>
      </c>
      <c r="G157" t="s">
        <v>835</v>
      </c>
    </row>
    <row r="158" spans="1:7" x14ac:dyDescent="0.2">
      <c r="A158" t="s">
        <v>836</v>
      </c>
      <c r="B158" t="s">
        <v>837</v>
      </c>
      <c r="C158" t="s">
        <v>838</v>
      </c>
      <c r="D158" t="s">
        <v>839</v>
      </c>
      <c r="E158" t="s">
        <v>11</v>
      </c>
      <c r="G158" t="s">
        <v>840</v>
      </c>
    </row>
    <row r="159" spans="1:7" x14ac:dyDescent="0.2">
      <c r="A159" t="s">
        <v>841</v>
      </c>
      <c r="B159" t="s">
        <v>842</v>
      </c>
      <c r="C159" t="s">
        <v>843</v>
      </c>
      <c r="D159" t="s">
        <v>844</v>
      </c>
      <c r="E159" t="s">
        <v>11</v>
      </c>
      <c r="G159" t="s">
        <v>845</v>
      </c>
    </row>
    <row r="160" spans="1:7" x14ac:dyDescent="0.2">
      <c r="A160" t="s">
        <v>846</v>
      </c>
      <c r="B160" t="s">
        <v>847</v>
      </c>
      <c r="C160" t="s">
        <v>848</v>
      </c>
      <c r="D160" t="s">
        <v>849</v>
      </c>
      <c r="E160" t="s">
        <v>11</v>
      </c>
      <c r="G160" t="s">
        <v>850</v>
      </c>
    </row>
    <row r="161" spans="1:7" x14ac:dyDescent="0.2">
      <c r="A161" t="s">
        <v>851</v>
      </c>
      <c r="B161" t="s">
        <v>852</v>
      </c>
      <c r="C161" t="s">
        <v>853</v>
      </c>
      <c r="D161" t="s">
        <v>854</v>
      </c>
      <c r="E161" t="s">
        <v>11</v>
      </c>
      <c r="G161" t="s">
        <v>855</v>
      </c>
    </row>
    <row r="162" spans="1:7" x14ac:dyDescent="0.2">
      <c r="A162" t="s">
        <v>856</v>
      </c>
      <c r="B162" t="s">
        <v>857</v>
      </c>
      <c r="C162" t="s">
        <v>858</v>
      </c>
      <c r="D162" t="s">
        <v>859</v>
      </c>
      <c r="E162" t="s">
        <v>11</v>
      </c>
      <c r="G162" t="s">
        <v>860</v>
      </c>
    </row>
    <row r="163" spans="1:7" x14ac:dyDescent="0.2">
      <c r="A163" t="s">
        <v>861</v>
      </c>
      <c r="B163" t="s">
        <v>862</v>
      </c>
      <c r="C163" t="s">
        <v>863</v>
      </c>
      <c r="D163" t="s">
        <v>864</v>
      </c>
      <c r="E163" t="s">
        <v>11</v>
      </c>
      <c r="G163" t="s">
        <v>865</v>
      </c>
    </row>
    <row r="164" spans="1:7" x14ac:dyDescent="0.2">
      <c r="A164" t="s">
        <v>866</v>
      </c>
      <c r="B164" t="s">
        <v>867</v>
      </c>
      <c r="C164" t="s">
        <v>868</v>
      </c>
      <c r="D164" t="s">
        <v>869</v>
      </c>
      <c r="E164" t="s">
        <v>11</v>
      </c>
      <c r="G164" t="s">
        <v>870</v>
      </c>
    </row>
    <row r="165" spans="1:7" x14ac:dyDescent="0.2">
      <c r="A165" t="s">
        <v>871</v>
      </c>
      <c r="B165" t="s">
        <v>872</v>
      </c>
      <c r="C165" t="s">
        <v>873</v>
      </c>
      <c r="D165" t="s">
        <v>874</v>
      </c>
      <c r="E165" t="s">
        <v>11</v>
      </c>
      <c r="G165" t="s">
        <v>875</v>
      </c>
    </row>
    <row r="166" spans="1:7" x14ac:dyDescent="0.2">
      <c r="A166" t="s">
        <v>876</v>
      </c>
      <c r="B166" t="s">
        <v>877</v>
      </c>
      <c r="C166" t="s">
        <v>878</v>
      </c>
      <c r="D166" t="s">
        <v>879</v>
      </c>
      <c r="E166" t="s">
        <v>11</v>
      </c>
      <c r="G166" t="s">
        <v>880</v>
      </c>
    </row>
    <row r="167" spans="1:7" x14ac:dyDescent="0.2">
      <c r="A167" t="s">
        <v>881</v>
      </c>
      <c r="B167" t="s">
        <v>882</v>
      </c>
      <c r="C167" t="s">
        <v>883</v>
      </c>
      <c r="D167" t="s">
        <v>62</v>
      </c>
      <c r="E167" t="s">
        <v>17</v>
      </c>
      <c r="F167" t="s">
        <v>884</v>
      </c>
      <c r="G167" t="s">
        <v>885</v>
      </c>
    </row>
    <row r="168" spans="1:7" x14ac:dyDescent="0.2">
      <c r="A168" t="s">
        <v>886</v>
      </c>
      <c r="B168" t="s">
        <v>887</v>
      </c>
      <c r="C168" t="s">
        <v>888</v>
      </c>
      <c r="D168" t="s">
        <v>889</v>
      </c>
      <c r="E168" t="s">
        <v>11</v>
      </c>
      <c r="G168" t="s">
        <v>890</v>
      </c>
    </row>
    <row r="169" spans="1:7" x14ac:dyDescent="0.2">
      <c r="A169" t="s">
        <v>891</v>
      </c>
      <c r="B169" t="s">
        <v>892</v>
      </c>
      <c r="C169" t="s">
        <v>893</v>
      </c>
      <c r="D169" t="s">
        <v>894</v>
      </c>
      <c r="E169" t="s">
        <v>11</v>
      </c>
      <c r="G169" t="s">
        <v>895</v>
      </c>
    </row>
    <row r="170" spans="1:7" x14ac:dyDescent="0.2">
      <c r="A170" t="s">
        <v>896</v>
      </c>
      <c r="B170" t="s">
        <v>897</v>
      </c>
      <c r="C170" t="s">
        <v>898</v>
      </c>
      <c r="D170" t="s">
        <v>899</v>
      </c>
      <c r="E170" t="s">
        <v>11</v>
      </c>
      <c r="G170" t="s">
        <v>900</v>
      </c>
    </row>
    <row r="171" spans="1:7" x14ac:dyDescent="0.2">
      <c r="A171" t="s">
        <v>901</v>
      </c>
      <c r="B171" t="s">
        <v>902</v>
      </c>
      <c r="C171" t="s">
        <v>903</v>
      </c>
      <c r="D171" t="s">
        <v>904</v>
      </c>
      <c r="E171" t="s">
        <v>11</v>
      </c>
      <c r="G171" t="s">
        <v>905</v>
      </c>
    </row>
    <row r="172" spans="1:7" x14ac:dyDescent="0.2">
      <c r="A172" t="s">
        <v>906</v>
      </c>
      <c r="B172" t="s">
        <v>907</v>
      </c>
      <c r="C172" t="s">
        <v>908</v>
      </c>
      <c r="D172" t="s">
        <v>909</v>
      </c>
      <c r="E172" t="s">
        <v>11</v>
      </c>
      <c r="G172" t="s">
        <v>910</v>
      </c>
    </row>
    <row r="173" spans="1:7" x14ac:dyDescent="0.2">
      <c r="A173" t="s">
        <v>911</v>
      </c>
      <c r="B173" t="s">
        <v>912</v>
      </c>
      <c r="C173" t="s">
        <v>913</v>
      </c>
      <c r="D173" t="s">
        <v>914</v>
      </c>
      <c r="E173" t="s">
        <v>17</v>
      </c>
      <c r="F173" t="s">
        <v>45</v>
      </c>
      <c r="G173" t="s">
        <v>915</v>
      </c>
    </row>
    <row r="174" spans="1:7" x14ac:dyDescent="0.2">
      <c r="A174" t="s">
        <v>916</v>
      </c>
      <c r="B174" t="s">
        <v>917</v>
      </c>
      <c r="C174" t="s">
        <v>918</v>
      </c>
      <c r="D174" t="s">
        <v>919</v>
      </c>
      <c r="E174" t="s">
        <v>17</v>
      </c>
      <c r="F174" t="s">
        <v>70</v>
      </c>
      <c r="G174" t="s">
        <v>920</v>
      </c>
    </row>
    <row r="175" spans="1:7" x14ac:dyDescent="0.2">
      <c r="A175" t="s">
        <v>921</v>
      </c>
      <c r="B175" t="s">
        <v>922</v>
      </c>
      <c r="C175" t="s">
        <v>923</v>
      </c>
      <c r="D175" t="s">
        <v>924</v>
      </c>
      <c r="E175" t="s">
        <v>17</v>
      </c>
      <c r="F175" t="s">
        <v>45</v>
      </c>
      <c r="G175" t="s">
        <v>925</v>
      </c>
    </row>
    <row r="176" spans="1:7" x14ac:dyDescent="0.2">
      <c r="A176" t="s">
        <v>926</v>
      </c>
      <c r="B176" t="s">
        <v>927</v>
      </c>
      <c r="C176" t="s">
        <v>928</v>
      </c>
      <c r="D176" t="s">
        <v>929</v>
      </c>
      <c r="E176" t="s">
        <v>17</v>
      </c>
      <c r="F176" t="s">
        <v>70</v>
      </c>
      <c r="G176" t="s">
        <v>930</v>
      </c>
    </row>
    <row r="177" spans="1:7" x14ac:dyDescent="0.2">
      <c r="A177" t="s">
        <v>931</v>
      </c>
      <c r="B177" t="s">
        <v>932</v>
      </c>
      <c r="C177" t="s">
        <v>933</v>
      </c>
      <c r="D177" t="s">
        <v>934</v>
      </c>
      <c r="E177" t="s">
        <v>11</v>
      </c>
      <c r="G177" t="s">
        <v>935</v>
      </c>
    </row>
    <row r="178" spans="1:7" x14ac:dyDescent="0.2">
      <c r="A178" t="s">
        <v>936</v>
      </c>
      <c r="B178" t="s">
        <v>937</v>
      </c>
      <c r="C178" t="s">
        <v>938</v>
      </c>
      <c r="D178" t="s">
        <v>939</v>
      </c>
      <c r="E178" t="s">
        <v>11</v>
      </c>
      <c r="G178" t="s">
        <v>940</v>
      </c>
    </row>
    <row r="179" spans="1:7" x14ac:dyDescent="0.2">
      <c r="A179" t="s">
        <v>941</v>
      </c>
      <c r="B179" t="s">
        <v>942</v>
      </c>
      <c r="C179" t="s">
        <v>943</v>
      </c>
      <c r="D179" t="s">
        <v>944</v>
      </c>
      <c r="E179" t="s">
        <v>11</v>
      </c>
      <c r="G179" t="s">
        <v>945</v>
      </c>
    </row>
    <row r="180" spans="1:7" x14ac:dyDescent="0.2">
      <c r="A180" t="s">
        <v>946</v>
      </c>
      <c r="B180" t="s">
        <v>947</v>
      </c>
      <c r="C180" t="s">
        <v>948</v>
      </c>
      <c r="D180" t="s">
        <v>949</v>
      </c>
      <c r="E180" t="s">
        <v>17</v>
      </c>
      <c r="F180" t="s">
        <v>70</v>
      </c>
      <c r="G180" t="s">
        <v>950</v>
      </c>
    </row>
    <row r="181" spans="1:7" x14ac:dyDescent="0.2">
      <c r="A181" t="s">
        <v>951</v>
      </c>
      <c r="B181" t="s">
        <v>952</v>
      </c>
      <c r="C181" t="s">
        <v>953</v>
      </c>
      <c r="D181" t="s">
        <v>954</v>
      </c>
      <c r="E181" t="s">
        <v>11</v>
      </c>
      <c r="G181" t="s">
        <v>955</v>
      </c>
    </row>
    <row r="182" spans="1:7" x14ac:dyDescent="0.2">
      <c r="A182" t="s">
        <v>956</v>
      </c>
      <c r="B182" t="s">
        <v>957</v>
      </c>
      <c r="C182" t="s">
        <v>958</v>
      </c>
      <c r="D182" t="s">
        <v>959</v>
      </c>
      <c r="E182" t="s">
        <v>287</v>
      </c>
      <c r="F182" t="s">
        <v>960</v>
      </c>
      <c r="G182" t="s">
        <v>961</v>
      </c>
    </row>
    <row r="183" spans="1:7" x14ac:dyDescent="0.2">
      <c r="A183" t="s">
        <v>962</v>
      </c>
      <c r="B183" t="s">
        <v>963</v>
      </c>
      <c r="C183" t="s">
        <v>964</v>
      </c>
      <c r="D183" t="s">
        <v>965</v>
      </c>
      <c r="E183" t="s">
        <v>11</v>
      </c>
      <c r="G183" t="s">
        <v>966</v>
      </c>
    </row>
    <row r="184" spans="1:7" x14ac:dyDescent="0.2">
      <c r="A184" t="s">
        <v>967</v>
      </c>
      <c r="B184" t="s">
        <v>968</v>
      </c>
      <c r="C184" t="s">
        <v>969</v>
      </c>
      <c r="D184" t="s">
        <v>970</v>
      </c>
      <c r="E184" t="s">
        <v>17</v>
      </c>
      <c r="F184" t="s">
        <v>70</v>
      </c>
      <c r="G184" t="s">
        <v>971</v>
      </c>
    </row>
    <row r="185" spans="1:7" x14ac:dyDescent="0.2">
      <c r="A185" t="s">
        <v>972</v>
      </c>
      <c r="B185" t="s">
        <v>973</v>
      </c>
      <c r="C185" t="s">
        <v>974</v>
      </c>
      <c r="D185" t="s">
        <v>975</v>
      </c>
      <c r="E185" t="s">
        <v>11</v>
      </c>
      <c r="G185" t="s">
        <v>976</v>
      </c>
    </row>
    <row r="186" spans="1:7" x14ac:dyDescent="0.2">
      <c r="A186" t="s">
        <v>977</v>
      </c>
      <c r="B186" t="s">
        <v>978</v>
      </c>
      <c r="C186" t="s">
        <v>979</v>
      </c>
      <c r="D186" t="s">
        <v>980</v>
      </c>
      <c r="E186" t="s">
        <v>11</v>
      </c>
      <c r="G186" t="s">
        <v>981</v>
      </c>
    </row>
    <row r="187" spans="1:7" x14ac:dyDescent="0.2">
      <c r="A187" t="s">
        <v>982</v>
      </c>
      <c r="B187" t="s">
        <v>983</v>
      </c>
      <c r="C187" t="s">
        <v>984</v>
      </c>
      <c r="D187" t="s">
        <v>985</v>
      </c>
      <c r="E187" t="s">
        <v>17</v>
      </c>
      <c r="F187" t="s">
        <v>986</v>
      </c>
      <c r="G187" t="s">
        <v>987</v>
      </c>
    </row>
    <row r="188" spans="1:7" x14ac:dyDescent="0.2">
      <c r="A188" t="s">
        <v>988</v>
      </c>
      <c r="B188" t="s">
        <v>989</v>
      </c>
      <c r="C188" t="s">
        <v>990</v>
      </c>
      <c r="D188" t="s">
        <v>991</v>
      </c>
      <c r="E188" t="s">
        <v>17</v>
      </c>
      <c r="F188" t="s">
        <v>45</v>
      </c>
      <c r="G188" t="s">
        <v>992</v>
      </c>
    </row>
    <row r="189" spans="1:7" x14ac:dyDescent="0.2">
      <c r="A189" t="s">
        <v>993</v>
      </c>
      <c r="B189" t="s">
        <v>994</v>
      </c>
      <c r="C189" t="s">
        <v>995</v>
      </c>
      <c r="D189" t="s">
        <v>996</v>
      </c>
      <c r="E189" t="s">
        <v>17</v>
      </c>
      <c r="F189" t="s">
        <v>997</v>
      </c>
      <c r="G189" t="s">
        <v>998</v>
      </c>
    </row>
    <row r="190" spans="1:7" x14ac:dyDescent="0.2">
      <c r="A190" t="s">
        <v>999</v>
      </c>
      <c r="B190" t="s">
        <v>1000</v>
      </c>
      <c r="C190" t="s">
        <v>1001</v>
      </c>
      <c r="D190" t="s">
        <v>1002</v>
      </c>
      <c r="E190" t="s">
        <v>63</v>
      </c>
      <c r="F190" t="s">
        <v>1003</v>
      </c>
      <c r="G190" t="s">
        <v>1004</v>
      </c>
    </row>
    <row r="191" spans="1:7" x14ac:dyDescent="0.2">
      <c r="A191" t="s">
        <v>1005</v>
      </c>
      <c r="B191" t="s">
        <v>1006</v>
      </c>
      <c r="C191" t="s">
        <v>1007</v>
      </c>
      <c r="D191" t="s">
        <v>1008</v>
      </c>
      <c r="E191" t="s">
        <v>11</v>
      </c>
      <c r="G191" t="s">
        <v>1009</v>
      </c>
    </row>
    <row r="192" spans="1:7" x14ac:dyDescent="0.2">
      <c r="A192" t="s">
        <v>1010</v>
      </c>
      <c r="B192" t="s">
        <v>1011</v>
      </c>
      <c r="C192" t="s">
        <v>1012</v>
      </c>
      <c r="D192" t="s">
        <v>1013</v>
      </c>
      <c r="E192" t="s">
        <v>11</v>
      </c>
      <c r="G192" t="s">
        <v>1014</v>
      </c>
    </row>
    <row r="193" spans="1:7" x14ac:dyDescent="0.2">
      <c r="A193" t="s">
        <v>1015</v>
      </c>
      <c r="B193" t="s">
        <v>1016</v>
      </c>
      <c r="C193" t="s">
        <v>1017</v>
      </c>
      <c r="D193" t="s">
        <v>1018</v>
      </c>
      <c r="E193" t="s">
        <v>17</v>
      </c>
      <c r="F193" t="s">
        <v>18</v>
      </c>
      <c r="G193" t="s">
        <v>1019</v>
      </c>
    </row>
    <row r="194" spans="1:7" x14ac:dyDescent="0.2">
      <c r="A194" t="s">
        <v>1020</v>
      </c>
      <c r="B194" t="s">
        <v>1021</v>
      </c>
      <c r="C194" t="s">
        <v>1022</v>
      </c>
      <c r="D194" t="s">
        <v>1023</v>
      </c>
      <c r="E194" t="s">
        <v>11</v>
      </c>
      <c r="G194" t="s">
        <v>1024</v>
      </c>
    </row>
    <row r="195" spans="1:7" x14ac:dyDescent="0.2">
      <c r="A195" t="s">
        <v>1025</v>
      </c>
      <c r="B195" t="s">
        <v>1026</v>
      </c>
      <c r="C195" t="s">
        <v>1027</v>
      </c>
      <c r="D195" t="s">
        <v>1028</v>
      </c>
      <c r="E195" t="s">
        <v>11</v>
      </c>
      <c r="G195" t="s">
        <v>1029</v>
      </c>
    </row>
    <row r="196" spans="1:7" x14ac:dyDescent="0.2">
      <c r="A196" t="s">
        <v>1030</v>
      </c>
      <c r="B196" t="s">
        <v>1031</v>
      </c>
      <c r="C196" t="s">
        <v>1032</v>
      </c>
      <c r="D196" t="s">
        <v>1033</v>
      </c>
      <c r="E196" t="s">
        <v>287</v>
      </c>
      <c r="F196" t="s">
        <v>527</v>
      </c>
      <c r="G196" t="s">
        <v>1034</v>
      </c>
    </row>
    <row r="197" spans="1:7" x14ac:dyDescent="0.2">
      <c r="A197" t="s">
        <v>1035</v>
      </c>
      <c r="B197" t="s">
        <v>1036</v>
      </c>
      <c r="C197" t="s">
        <v>1037</v>
      </c>
      <c r="D197" t="s">
        <v>1038</v>
      </c>
      <c r="E197" t="s">
        <v>11</v>
      </c>
      <c r="G197" t="s">
        <v>1039</v>
      </c>
    </row>
    <row r="198" spans="1:7" x14ac:dyDescent="0.2">
      <c r="A198" t="s">
        <v>1040</v>
      </c>
      <c r="B198" t="s">
        <v>1041</v>
      </c>
      <c r="C198" t="s">
        <v>1042</v>
      </c>
      <c r="D198" t="s">
        <v>1043</v>
      </c>
      <c r="E198" t="s">
        <v>17</v>
      </c>
      <c r="F198" t="s">
        <v>1044</v>
      </c>
      <c r="G198" t="s">
        <v>1045</v>
      </c>
    </row>
    <row r="199" spans="1:7" x14ac:dyDescent="0.2">
      <c r="A199" t="s">
        <v>1046</v>
      </c>
      <c r="B199" t="s">
        <v>1047</v>
      </c>
      <c r="C199" t="s">
        <v>1048</v>
      </c>
      <c r="D199" t="s">
        <v>1049</v>
      </c>
      <c r="E199" t="s">
        <v>11</v>
      </c>
      <c r="G199" t="s">
        <v>1050</v>
      </c>
    </row>
    <row r="200" spans="1:7" x14ac:dyDescent="0.2">
      <c r="A200" t="s">
        <v>1051</v>
      </c>
      <c r="B200" t="s">
        <v>1052</v>
      </c>
      <c r="C200" t="s">
        <v>1053</v>
      </c>
      <c r="D200" t="s">
        <v>1054</v>
      </c>
      <c r="E200" t="s">
        <v>11</v>
      </c>
      <c r="G200" t="s">
        <v>1055</v>
      </c>
    </row>
    <row r="201" spans="1:7" x14ac:dyDescent="0.2">
      <c r="A201" t="s">
        <v>1056</v>
      </c>
      <c r="B201" t="s">
        <v>1057</v>
      </c>
      <c r="C201" t="s">
        <v>1058</v>
      </c>
      <c r="D201" t="s">
        <v>1059</v>
      </c>
      <c r="E201" t="s">
        <v>63</v>
      </c>
      <c r="F201" t="s">
        <v>1060</v>
      </c>
      <c r="G201" t="s">
        <v>1061</v>
      </c>
    </row>
    <row r="202" spans="1:7" x14ac:dyDescent="0.2">
      <c r="A202" t="s">
        <v>1062</v>
      </c>
      <c r="B202" t="s">
        <v>1063</v>
      </c>
      <c r="C202" t="s">
        <v>1064</v>
      </c>
      <c r="D202" t="s">
        <v>1065</v>
      </c>
      <c r="E202" t="s">
        <v>11</v>
      </c>
      <c r="G202" t="s">
        <v>1066</v>
      </c>
    </row>
    <row r="203" spans="1:7" x14ac:dyDescent="0.2">
      <c r="A203" t="s">
        <v>1067</v>
      </c>
      <c r="B203" t="s">
        <v>1068</v>
      </c>
      <c r="C203" t="s">
        <v>1069</v>
      </c>
      <c r="D203" t="s">
        <v>1059</v>
      </c>
      <c r="E203" t="s">
        <v>17</v>
      </c>
      <c r="F203" t="s">
        <v>1070</v>
      </c>
      <c r="G203" t="s">
        <v>1071</v>
      </c>
    </row>
    <row r="204" spans="1:7" x14ac:dyDescent="0.2">
      <c r="A204" t="s">
        <v>1072</v>
      </c>
      <c r="B204" t="s">
        <v>1073</v>
      </c>
      <c r="C204" t="s">
        <v>1074</v>
      </c>
      <c r="D204" t="s">
        <v>1075</v>
      </c>
      <c r="E204" t="s">
        <v>287</v>
      </c>
      <c r="F204" t="s">
        <v>1076</v>
      </c>
      <c r="G204" t="s">
        <v>1077</v>
      </c>
    </row>
    <row r="205" spans="1:7" x14ac:dyDescent="0.2">
      <c r="A205" t="s">
        <v>1078</v>
      </c>
      <c r="B205" t="s">
        <v>1079</v>
      </c>
      <c r="C205" t="s">
        <v>1080</v>
      </c>
      <c r="D205" t="s">
        <v>1081</v>
      </c>
      <c r="E205" t="s">
        <v>17</v>
      </c>
      <c r="F205" t="s">
        <v>1082</v>
      </c>
      <c r="G205" t="s">
        <v>1083</v>
      </c>
    </row>
    <row r="206" spans="1:7" x14ac:dyDescent="0.2">
      <c r="A206" t="s">
        <v>1084</v>
      </c>
      <c r="B206" t="s">
        <v>1085</v>
      </c>
      <c r="C206" t="s">
        <v>1086</v>
      </c>
      <c r="D206" t="s">
        <v>1087</v>
      </c>
      <c r="E206" t="s">
        <v>11</v>
      </c>
      <c r="G206" t="s">
        <v>1088</v>
      </c>
    </row>
    <row r="207" spans="1:7" x14ac:dyDescent="0.2">
      <c r="A207" t="s">
        <v>1089</v>
      </c>
      <c r="B207" t="s">
        <v>1090</v>
      </c>
      <c r="C207" t="s">
        <v>1091</v>
      </c>
      <c r="D207" t="s">
        <v>1092</v>
      </c>
      <c r="E207" t="s">
        <v>11</v>
      </c>
      <c r="G207" t="s">
        <v>1093</v>
      </c>
    </row>
    <row r="208" spans="1:7" x14ac:dyDescent="0.2">
      <c r="A208" t="s">
        <v>1094</v>
      </c>
      <c r="B208" t="s">
        <v>1095</v>
      </c>
      <c r="C208" t="s">
        <v>1096</v>
      </c>
      <c r="D208" t="s">
        <v>1097</v>
      </c>
      <c r="E208" t="s">
        <v>17</v>
      </c>
      <c r="F208" t="s">
        <v>1098</v>
      </c>
      <c r="G208" t="s">
        <v>1099</v>
      </c>
    </row>
    <row r="209" spans="1:7" x14ac:dyDescent="0.2">
      <c r="A209" t="s">
        <v>1100</v>
      </c>
      <c r="B209" t="s">
        <v>1101</v>
      </c>
      <c r="C209" t="s">
        <v>1102</v>
      </c>
      <c r="D209" t="s">
        <v>1103</v>
      </c>
      <c r="E209" t="s">
        <v>11</v>
      </c>
      <c r="G209" t="s">
        <v>1104</v>
      </c>
    </row>
    <row r="210" spans="1:7" x14ac:dyDescent="0.2">
      <c r="A210" t="s">
        <v>1105</v>
      </c>
      <c r="B210" t="s">
        <v>1106</v>
      </c>
      <c r="C210" t="s">
        <v>1107</v>
      </c>
      <c r="D210" t="s">
        <v>1108</v>
      </c>
      <c r="E210" t="s">
        <v>17</v>
      </c>
      <c r="F210" t="s">
        <v>1109</v>
      </c>
      <c r="G210" t="s">
        <v>1110</v>
      </c>
    </row>
    <row r="211" spans="1:7" x14ac:dyDescent="0.2">
      <c r="A211" t="s">
        <v>1111</v>
      </c>
      <c r="B211" t="s">
        <v>1112</v>
      </c>
      <c r="C211" t="s">
        <v>1113</v>
      </c>
      <c r="D211" t="s">
        <v>1114</v>
      </c>
      <c r="E211" t="s">
        <v>11</v>
      </c>
      <c r="G211" t="s">
        <v>1115</v>
      </c>
    </row>
    <row r="212" spans="1:7" x14ac:dyDescent="0.2">
      <c r="A212" t="s">
        <v>1116</v>
      </c>
      <c r="B212" t="s">
        <v>1117</v>
      </c>
      <c r="C212" t="s">
        <v>1118</v>
      </c>
      <c r="D212" t="s">
        <v>1119</v>
      </c>
      <c r="E212" t="s">
        <v>11</v>
      </c>
      <c r="G212" t="s">
        <v>1120</v>
      </c>
    </row>
    <row r="213" spans="1:7" x14ac:dyDescent="0.2">
      <c r="A213" t="s">
        <v>1121</v>
      </c>
      <c r="B213" t="s">
        <v>1122</v>
      </c>
      <c r="C213" t="s">
        <v>1123</v>
      </c>
      <c r="D213" t="s">
        <v>1124</v>
      </c>
      <c r="E213" t="s">
        <v>11</v>
      </c>
      <c r="G213" t="s">
        <v>1125</v>
      </c>
    </row>
    <row r="214" spans="1:7" x14ac:dyDescent="0.2">
      <c r="A214" t="s">
        <v>1126</v>
      </c>
      <c r="B214" t="s">
        <v>1127</v>
      </c>
      <c r="C214" t="s">
        <v>1128</v>
      </c>
      <c r="D214" t="s">
        <v>1129</v>
      </c>
      <c r="E214" t="s">
        <v>11</v>
      </c>
      <c r="G214" t="s">
        <v>1130</v>
      </c>
    </row>
    <row r="215" spans="1:7" x14ac:dyDescent="0.2">
      <c r="A215" t="s">
        <v>1131</v>
      </c>
      <c r="B215" t="s">
        <v>1132</v>
      </c>
      <c r="C215" t="s">
        <v>1133</v>
      </c>
      <c r="D215" t="s">
        <v>1134</v>
      </c>
      <c r="E215" t="s">
        <v>11</v>
      </c>
      <c r="G215" t="s">
        <v>1135</v>
      </c>
    </row>
    <row r="216" spans="1:7" x14ac:dyDescent="0.2">
      <c r="A216" t="s">
        <v>1136</v>
      </c>
      <c r="B216" t="s">
        <v>1137</v>
      </c>
      <c r="C216" t="s">
        <v>1138</v>
      </c>
      <c r="D216" t="s">
        <v>1139</v>
      </c>
      <c r="E216" t="s">
        <v>11</v>
      </c>
      <c r="G216" t="s">
        <v>1140</v>
      </c>
    </row>
    <row r="217" spans="1:7" x14ac:dyDescent="0.2">
      <c r="A217" t="s">
        <v>1141</v>
      </c>
      <c r="B217" t="s">
        <v>1142</v>
      </c>
      <c r="C217" t="s">
        <v>1143</v>
      </c>
      <c r="D217" t="s">
        <v>1144</v>
      </c>
      <c r="E217" t="s">
        <v>11</v>
      </c>
      <c r="G217" t="s">
        <v>1145</v>
      </c>
    </row>
    <row r="218" spans="1:7" x14ac:dyDescent="0.2">
      <c r="A218" t="s">
        <v>1146</v>
      </c>
      <c r="B218" t="s">
        <v>1147</v>
      </c>
      <c r="C218" t="s">
        <v>1148</v>
      </c>
      <c r="D218" t="s">
        <v>1149</v>
      </c>
      <c r="E218" t="s">
        <v>11</v>
      </c>
      <c r="G218" t="s">
        <v>1150</v>
      </c>
    </row>
    <row r="219" spans="1:7" x14ac:dyDescent="0.2">
      <c r="A219" t="s">
        <v>1151</v>
      </c>
      <c r="B219" t="s">
        <v>1152</v>
      </c>
      <c r="C219" t="s">
        <v>1153</v>
      </c>
      <c r="D219" t="s">
        <v>1154</v>
      </c>
      <c r="E219" t="s">
        <v>17</v>
      </c>
      <c r="F219" t="s">
        <v>1155</v>
      </c>
      <c r="G219" t="s">
        <v>1156</v>
      </c>
    </row>
    <row r="220" spans="1:7" x14ac:dyDescent="0.2">
      <c r="A220" t="s">
        <v>1157</v>
      </c>
      <c r="B220" t="s">
        <v>1158</v>
      </c>
      <c r="C220" t="s">
        <v>1159</v>
      </c>
      <c r="D220" t="s">
        <v>1160</v>
      </c>
      <c r="E220" t="s">
        <v>17</v>
      </c>
      <c r="F220" t="s">
        <v>1161</v>
      </c>
      <c r="G220" t="s">
        <v>1162</v>
      </c>
    </row>
    <row r="221" spans="1:7" x14ac:dyDescent="0.2">
      <c r="A221" t="s">
        <v>1163</v>
      </c>
      <c r="B221" t="s">
        <v>1164</v>
      </c>
      <c r="C221" t="s">
        <v>1165</v>
      </c>
      <c r="D221" t="s">
        <v>1166</v>
      </c>
      <c r="E221" t="s">
        <v>11</v>
      </c>
      <c r="G221" t="s">
        <v>1167</v>
      </c>
    </row>
    <row r="222" spans="1:7" x14ac:dyDescent="0.2">
      <c r="A222" t="s">
        <v>1168</v>
      </c>
      <c r="B222" t="s">
        <v>1169</v>
      </c>
      <c r="C222" t="s">
        <v>1170</v>
      </c>
      <c r="D222" t="s">
        <v>1171</v>
      </c>
      <c r="E222" t="s">
        <v>287</v>
      </c>
      <c r="F222" t="s">
        <v>1076</v>
      </c>
      <c r="G222" t="s">
        <v>1172</v>
      </c>
    </row>
    <row r="223" spans="1:7" x14ac:dyDescent="0.2">
      <c r="A223" t="s">
        <v>1173</v>
      </c>
      <c r="B223" t="s">
        <v>1174</v>
      </c>
      <c r="C223" t="s">
        <v>1175</v>
      </c>
      <c r="D223" t="s">
        <v>1176</v>
      </c>
      <c r="E223" t="s">
        <v>11</v>
      </c>
      <c r="G223" t="s">
        <v>1177</v>
      </c>
    </row>
    <row r="224" spans="1:7" x14ac:dyDescent="0.2">
      <c r="A224" t="s">
        <v>1178</v>
      </c>
      <c r="B224" t="s">
        <v>1179</v>
      </c>
      <c r="C224" t="s">
        <v>1180</v>
      </c>
      <c r="D224" t="s">
        <v>1181</v>
      </c>
      <c r="E224" t="s">
        <v>17</v>
      </c>
      <c r="F224" t="s">
        <v>1182</v>
      </c>
      <c r="G224" t="s">
        <v>1183</v>
      </c>
    </row>
    <row r="225" spans="1:7" x14ac:dyDescent="0.2">
      <c r="A225" t="s">
        <v>1184</v>
      </c>
      <c r="B225" t="s">
        <v>1185</v>
      </c>
      <c r="C225" t="s">
        <v>1186</v>
      </c>
      <c r="D225" t="s">
        <v>1187</v>
      </c>
      <c r="E225" t="s">
        <v>11</v>
      </c>
      <c r="G225" t="s">
        <v>1188</v>
      </c>
    </row>
    <row r="226" spans="1:7" x14ac:dyDescent="0.2">
      <c r="A226" t="s">
        <v>1189</v>
      </c>
      <c r="B226" t="s">
        <v>1190</v>
      </c>
      <c r="C226" t="s">
        <v>1191</v>
      </c>
      <c r="D226" t="s">
        <v>1192</v>
      </c>
      <c r="E226" t="s">
        <v>11</v>
      </c>
      <c r="G226" t="s">
        <v>1193</v>
      </c>
    </row>
    <row r="227" spans="1:7" x14ac:dyDescent="0.2">
      <c r="A227" t="s">
        <v>1194</v>
      </c>
      <c r="B227" t="s">
        <v>1195</v>
      </c>
      <c r="C227" t="s">
        <v>1196</v>
      </c>
      <c r="D227" t="s">
        <v>1197</v>
      </c>
      <c r="E227" t="s">
        <v>17</v>
      </c>
      <c r="F227" t="s">
        <v>70</v>
      </c>
      <c r="G227" t="s">
        <v>1198</v>
      </c>
    </row>
    <row r="228" spans="1:7" x14ac:dyDescent="0.2">
      <c r="A228" t="s">
        <v>1199</v>
      </c>
      <c r="B228" t="s">
        <v>1200</v>
      </c>
      <c r="C228" t="s">
        <v>1201</v>
      </c>
      <c r="D228" t="s">
        <v>1202</v>
      </c>
      <c r="E228" t="s">
        <v>11</v>
      </c>
      <c r="G228" t="s">
        <v>1203</v>
      </c>
    </row>
    <row r="229" spans="1:7" x14ac:dyDescent="0.2">
      <c r="A229" t="s">
        <v>1204</v>
      </c>
      <c r="B229" t="s">
        <v>1205</v>
      </c>
      <c r="C229" t="s">
        <v>1206</v>
      </c>
      <c r="D229" t="s">
        <v>1207</v>
      </c>
      <c r="E229" t="s">
        <v>11</v>
      </c>
      <c r="G229" t="s">
        <v>1208</v>
      </c>
    </row>
    <row r="230" spans="1:7" x14ac:dyDescent="0.2">
      <c r="A230" t="s">
        <v>1209</v>
      </c>
      <c r="B230" t="s">
        <v>1210</v>
      </c>
      <c r="C230" t="s">
        <v>1211</v>
      </c>
      <c r="D230" t="s">
        <v>1212</v>
      </c>
      <c r="E230" t="s">
        <v>17</v>
      </c>
      <c r="F230" t="s">
        <v>98</v>
      </c>
      <c r="G230" t="s">
        <v>1213</v>
      </c>
    </row>
    <row r="231" spans="1:7" x14ac:dyDescent="0.2">
      <c r="A231" t="s">
        <v>1214</v>
      </c>
      <c r="B231" t="s">
        <v>1215</v>
      </c>
      <c r="C231" t="s">
        <v>1216</v>
      </c>
      <c r="D231" t="s">
        <v>1217</v>
      </c>
      <c r="E231" t="s">
        <v>11</v>
      </c>
      <c r="G231" t="s">
        <v>1218</v>
      </c>
    </row>
    <row r="232" spans="1:7" x14ac:dyDescent="0.2">
      <c r="A232" t="s">
        <v>1219</v>
      </c>
      <c r="B232" t="s">
        <v>1220</v>
      </c>
      <c r="C232" t="s">
        <v>1221</v>
      </c>
      <c r="D232" t="s">
        <v>1222</v>
      </c>
      <c r="E232" t="s">
        <v>17</v>
      </c>
      <c r="F232" t="s">
        <v>1223</v>
      </c>
      <c r="G232" t="s">
        <v>1224</v>
      </c>
    </row>
    <row r="233" spans="1:7" x14ac:dyDescent="0.2">
      <c r="A233" t="s">
        <v>1225</v>
      </c>
      <c r="B233" t="s">
        <v>1226</v>
      </c>
      <c r="C233" t="s">
        <v>1227</v>
      </c>
      <c r="D233" t="s">
        <v>1228</v>
      </c>
      <c r="E233" t="s">
        <v>11</v>
      </c>
      <c r="G233" t="s">
        <v>1229</v>
      </c>
    </row>
    <row r="234" spans="1:7" x14ac:dyDescent="0.2">
      <c r="A234" t="s">
        <v>1230</v>
      </c>
      <c r="B234" t="s">
        <v>1231</v>
      </c>
      <c r="C234" t="s">
        <v>1232</v>
      </c>
      <c r="D234" t="s">
        <v>1233</v>
      </c>
      <c r="E234" t="s">
        <v>11</v>
      </c>
      <c r="G234" t="s">
        <v>1234</v>
      </c>
    </row>
    <row r="235" spans="1:7" x14ac:dyDescent="0.2">
      <c r="A235" t="s">
        <v>1235</v>
      </c>
      <c r="B235" t="s">
        <v>1236</v>
      </c>
      <c r="C235" t="s">
        <v>1237</v>
      </c>
      <c r="D235" t="s">
        <v>1238</v>
      </c>
      <c r="E235" t="s">
        <v>11</v>
      </c>
      <c r="G235" t="s">
        <v>1239</v>
      </c>
    </row>
    <row r="236" spans="1:7" x14ac:dyDescent="0.2">
      <c r="A236" t="s">
        <v>1240</v>
      </c>
      <c r="B236" t="s">
        <v>1241</v>
      </c>
      <c r="C236" t="s">
        <v>1242</v>
      </c>
      <c r="D236" t="s">
        <v>1243</v>
      </c>
      <c r="E236" t="s">
        <v>11</v>
      </c>
      <c r="G236" t="s">
        <v>1244</v>
      </c>
    </row>
    <row r="237" spans="1:7" x14ac:dyDescent="0.2">
      <c r="A237" t="s">
        <v>1245</v>
      </c>
      <c r="B237" t="s">
        <v>1246</v>
      </c>
      <c r="C237" t="s">
        <v>1247</v>
      </c>
      <c r="D237" t="s">
        <v>1248</v>
      </c>
      <c r="E237" t="s">
        <v>11</v>
      </c>
      <c r="G237" t="s">
        <v>1249</v>
      </c>
    </row>
    <row r="238" spans="1:7" x14ac:dyDescent="0.2">
      <c r="A238" t="s">
        <v>1250</v>
      </c>
      <c r="B238" t="s">
        <v>1251</v>
      </c>
      <c r="C238" t="s">
        <v>1252</v>
      </c>
      <c r="D238" t="s">
        <v>1253</v>
      </c>
      <c r="E238" t="s">
        <v>17</v>
      </c>
      <c r="F238" t="s">
        <v>70</v>
      </c>
      <c r="G238" t="s">
        <v>1254</v>
      </c>
    </row>
    <row r="239" spans="1:7" x14ac:dyDescent="0.2">
      <c r="A239" t="s">
        <v>1255</v>
      </c>
      <c r="B239" t="s">
        <v>1256</v>
      </c>
      <c r="C239" t="s">
        <v>1257</v>
      </c>
      <c r="D239" t="s">
        <v>1258</v>
      </c>
      <c r="E239" t="s">
        <v>17</v>
      </c>
      <c r="F239" t="s">
        <v>70</v>
      </c>
      <c r="G239" t="s">
        <v>1259</v>
      </c>
    </row>
    <row r="240" spans="1:7" x14ac:dyDescent="0.2">
      <c r="A240" t="s">
        <v>1260</v>
      </c>
      <c r="B240" t="s">
        <v>1261</v>
      </c>
      <c r="C240" t="s">
        <v>1262</v>
      </c>
      <c r="D240" t="s">
        <v>1263</v>
      </c>
      <c r="E240" t="s">
        <v>17</v>
      </c>
      <c r="F240" t="s">
        <v>70</v>
      </c>
      <c r="G240" t="s">
        <v>1264</v>
      </c>
    </row>
    <row r="241" spans="1:7" x14ac:dyDescent="0.2">
      <c r="A241" t="s">
        <v>1265</v>
      </c>
      <c r="B241" t="s">
        <v>1266</v>
      </c>
      <c r="C241" t="s">
        <v>1267</v>
      </c>
      <c r="D241" t="s">
        <v>1268</v>
      </c>
      <c r="E241" t="s">
        <v>11</v>
      </c>
      <c r="G241" t="s">
        <v>1269</v>
      </c>
    </row>
    <row r="242" spans="1:7" x14ac:dyDescent="0.2">
      <c r="A242" t="s">
        <v>1270</v>
      </c>
      <c r="B242" t="s">
        <v>1271</v>
      </c>
      <c r="C242" t="s">
        <v>1272</v>
      </c>
      <c r="D242" t="s">
        <v>1273</v>
      </c>
      <c r="E242" t="s">
        <v>11</v>
      </c>
      <c r="G242" t="s">
        <v>1274</v>
      </c>
    </row>
    <row r="243" spans="1:7" x14ac:dyDescent="0.2">
      <c r="A243" t="s">
        <v>1275</v>
      </c>
      <c r="B243" t="s">
        <v>1276</v>
      </c>
      <c r="C243" t="s">
        <v>1277</v>
      </c>
      <c r="D243" t="s">
        <v>1278</v>
      </c>
      <c r="E243" t="s">
        <v>11</v>
      </c>
      <c r="G243" t="s">
        <v>1279</v>
      </c>
    </row>
    <row r="244" spans="1:7" x14ac:dyDescent="0.2">
      <c r="A244" t="s">
        <v>1280</v>
      </c>
      <c r="B244" t="s">
        <v>1281</v>
      </c>
      <c r="C244" t="s">
        <v>1282</v>
      </c>
      <c r="D244" t="s">
        <v>1283</v>
      </c>
      <c r="E244" t="s">
        <v>17</v>
      </c>
      <c r="F244" t="s">
        <v>1098</v>
      </c>
      <c r="G244" t="s">
        <v>1284</v>
      </c>
    </row>
    <row r="245" spans="1:7" x14ac:dyDescent="0.2">
      <c r="A245" t="s">
        <v>1285</v>
      </c>
      <c r="B245" t="s">
        <v>1286</v>
      </c>
      <c r="C245" t="s">
        <v>1287</v>
      </c>
      <c r="D245" t="s">
        <v>1288</v>
      </c>
      <c r="E245" t="s">
        <v>11</v>
      </c>
      <c r="G245" t="s">
        <v>1289</v>
      </c>
    </row>
    <row r="246" spans="1:7" x14ac:dyDescent="0.2">
      <c r="A246" t="s">
        <v>1290</v>
      </c>
      <c r="B246" t="s">
        <v>1291</v>
      </c>
      <c r="C246" t="s">
        <v>1292</v>
      </c>
      <c r="D246" t="s">
        <v>1293</v>
      </c>
      <c r="E246" t="s">
        <v>11</v>
      </c>
      <c r="G246" t="s">
        <v>1294</v>
      </c>
    </row>
    <row r="247" spans="1:7" x14ac:dyDescent="0.2">
      <c r="A247" t="s">
        <v>1295</v>
      </c>
      <c r="B247" t="s">
        <v>1296</v>
      </c>
      <c r="C247" t="s">
        <v>1297</v>
      </c>
      <c r="D247" t="s">
        <v>1298</v>
      </c>
      <c r="E247" t="s">
        <v>11</v>
      </c>
      <c r="G247" t="s">
        <v>1299</v>
      </c>
    </row>
    <row r="248" spans="1:7" x14ac:dyDescent="0.2">
      <c r="A248" t="s">
        <v>1300</v>
      </c>
      <c r="B248" t="s">
        <v>1301</v>
      </c>
      <c r="C248" t="s">
        <v>1302</v>
      </c>
      <c r="D248" t="s">
        <v>1303</v>
      </c>
      <c r="E248" t="s">
        <v>11</v>
      </c>
      <c r="G248" t="s">
        <v>1304</v>
      </c>
    </row>
    <row r="249" spans="1:7" x14ac:dyDescent="0.2">
      <c r="A249" t="s">
        <v>1305</v>
      </c>
      <c r="B249" t="s">
        <v>1306</v>
      </c>
      <c r="C249" t="s">
        <v>1307</v>
      </c>
      <c r="D249" t="s">
        <v>1308</v>
      </c>
      <c r="E249" t="s">
        <v>11</v>
      </c>
      <c r="G249" t="s">
        <v>1309</v>
      </c>
    </row>
    <row r="250" spans="1:7" x14ac:dyDescent="0.2">
      <c r="A250" t="s">
        <v>1310</v>
      </c>
      <c r="B250" t="s">
        <v>1311</v>
      </c>
      <c r="C250" t="s">
        <v>1312</v>
      </c>
      <c r="D250" t="s">
        <v>1313</v>
      </c>
      <c r="E250" t="s">
        <v>11</v>
      </c>
      <c r="G250" t="s">
        <v>1314</v>
      </c>
    </row>
    <row r="251" spans="1:7" x14ac:dyDescent="0.2">
      <c r="A251" t="s">
        <v>1315</v>
      </c>
      <c r="B251" t="s">
        <v>1316</v>
      </c>
      <c r="C251" t="s">
        <v>1317</v>
      </c>
      <c r="D251" t="s">
        <v>1318</v>
      </c>
      <c r="E251" t="s">
        <v>11</v>
      </c>
      <c r="G251" t="s">
        <v>1319</v>
      </c>
    </row>
    <row r="252" spans="1:7" x14ac:dyDescent="0.2">
      <c r="A252" t="s">
        <v>1320</v>
      </c>
      <c r="B252" t="s">
        <v>1321</v>
      </c>
      <c r="C252" t="s">
        <v>1322</v>
      </c>
      <c r="D252" t="s">
        <v>1323</v>
      </c>
      <c r="E252" t="s">
        <v>11</v>
      </c>
      <c r="G252" t="s">
        <v>1324</v>
      </c>
    </row>
    <row r="253" spans="1:7" x14ac:dyDescent="0.2">
      <c r="A253" t="s">
        <v>1325</v>
      </c>
      <c r="B253" t="s">
        <v>1326</v>
      </c>
      <c r="C253" t="s">
        <v>1327</v>
      </c>
      <c r="D253" t="s">
        <v>1328</v>
      </c>
      <c r="E253" t="s">
        <v>11</v>
      </c>
      <c r="G253" t="s">
        <v>1329</v>
      </c>
    </row>
    <row r="254" spans="1:7" x14ac:dyDescent="0.2">
      <c r="A254" t="s">
        <v>1330</v>
      </c>
      <c r="B254" t="s">
        <v>1331</v>
      </c>
      <c r="C254" t="s">
        <v>1332</v>
      </c>
      <c r="D254" t="s">
        <v>1333</v>
      </c>
      <c r="E254" t="s">
        <v>1334</v>
      </c>
      <c r="G254" t="s">
        <v>1335</v>
      </c>
    </row>
    <row r="255" spans="1:7" x14ac:dyDescent="0.2">
      <c r="A255" t="s">
        <v>1336</v>
      </c>
      <c r="B255" t="s">
        <v>1337</v>
      </c>
      <c r="C255" t="s">
        <v>1338</v>
      </c>
      <c r="D255" t="s">
        <v>1339</v>
      </c>
      <c r="E255" t="s">
        <v>17</v>
      </c>
      <c r="F255" t="s">
        <v>18</v>
      </c>
      <c r="G255" t="s">
        <v>1340</v>
      </c>
    </row>
    <row r="256" spans="1:7" x14ac:dyDescent="0.2">
      <c r="A256" t="s">
        <v>1341</v>
      </c>
      <c r="B256" t="s">
        <v>1342</v>
      </c>
      <c r="C256" t="s">
        <v>1343</v>
      </c>
      <c r="D256" t="s">
        <v>1333</v>
      </c>
      <c r="E256" t="s">
        <v>11</v>
      </c>
      <c r="G256" t="s">
        <v>1344</v>
      </c>
    </row>
    <row r="257" spans="1:7" x14ac:dyDescent="0.2">
      <c r="A257" t="s">
        <v>1345</v>
      </c>
      <c r="B257" t="s">
        <v>1346</v>
      </c>
      <c r="C257" t="s">
        <v>1347</v>
      </c>
      <c r="D257" t="s">
        <v>1348</v>
      </c>
      <c r="E257" t="s">
        <v>11</v>
      </c>
      <c r="G257" t="s">
        <v>1349</v>
      </c>
    </row>
    <row r="258" spans="1:7" x14ac:dyDescent="0.2">
      <c r="A258" t="s">
        <v>1350</v>
      </c>
      <c r="B258" t="s">
        <v>1351</v>
      </c>
      <c r="C258" t="s">
        <v>1352</v>
      </c>
      <c r="D258" t="s">
        <v>1353</v>
      </c>
      <c r="E258" t="s">
        <v>17</v>
      </c>
      <c r="F258" t="s">
        <v>1044</v>
      </c>
      <c r="G258" t="s">
        <v>1354</v>
      </c>
    </row>
    <row r="259" spans="1:7" x14ac:dyDescent="0.2">
      <c r="A259" t="s">
        <v>1355</v>
      </c>
      <c r="B259" t="s">
        <v>1356</v>
      </c>
      <c r="C259" t="s">
        <v>1357</v>
      </c>
      <c r="D259" t="s">
        <v>1358</v>
      </c>
      <c r="E259" t="s">
        <v>11</v>
      </c>
      <c r="G259" t="s">
        <v>1359</v>
      </c>
    </row>
    <row r="260" spans="1:7" x14ac:dyDescent="0.2">
      <c r="A260" t="s">
        <v>1360</v>
      </c>
      <c r="B260" t="s">
        <v>1361</v>
      </c>
      <c r="C260" t="s">
        <v>1362</v>
      </c>
      <c r="D260" t="s">
        <v>1363</v>
      </c>
      <c r="E260" t="s">
        <v>17</v>
      </c>
      <c r="F260" t="s">
        <v>1364</v>
      </c>
      <c r="G260" t="s">
        <v>1365</v>
      </c>
    </row>
    <row r="261" spans="1:7" x14ac:dyDescent="0.2">
      <c r="A261" t="s">
        <v>1366</v>
      </c>
      <c r="B261" t="s">
        <v>1367</v>
      </c>
      <c r="C261" t="s">
        <v>1368</v>
      </c>
      <c r="D261" t="s">
        <v>1222</v>
      </c>
      <c r="E261" t="s">
        <v>63</v>
      </c>
      <c r="F261" t="s">
        <v>1369</v>
      </c>
      <c r="G261" t="s">
        <v>1370</v>
      </c>
    </row>
    <row r="262" spans="1:7" x14ac:dyDescent="0.2">
      <c r="A262" t="s">
        <v>1371</v>
      </c>
      <c r="B262" t="s">
        <v>1372</v>
      </c>
      <c r="C262" t="s">
        <v>1373</v>
      </c>
      <c r="D262" t="s">
        <v>1374</v>
      </c>
      <c r="E262" t="s">
        <v>17</v>
      </c>
      <c r="F262" t="s">
        <v>1375</v>
      </c>
      <c r="G262" t="s">
        <v>1376</v>
      </c>
    </row>
    <row r="263" spans="1:7" x14ac:dyDescent="0.2">
      <c r="A263" t="s">
        <v>1377</v>
      </c>
      <c r="B263" t="s">
        <v>1378</v>
      </c>
      <c r="C263" t="s">
        <v>1379</v>
      </c>
      <c r="D263" t="s">
        <v>1380</v>
      </c>
      <c r="E263" t="s">
        <v>17</v>
      </c>
      <c r="F263" t="s">
        <v>310</v>
      </c>
      <c r="G263" t="s">
        <v>1381</v>
      </c>
    </row>
    <row r="264" spans="1:7" x14ac:dyDescent="0.2">
      <c r="A264" t="s">
        <v>1382</v>
      </c>
      <c r="B264" t="s">
        <v>1383</v>
      </c>
      <c r="C264" t="s">
        <v>1384</v>
      </c>
      <c r="D264" t="s">
        <v>1385</v>
      </c>
      <c r="E264" t="s">
        <v>17</v>
      </c>
      <c r="F264" t="s">
        <v>1098</v>
      </c>
      <c r="G264" t="s">
        <v>1386</v>
      </c>
    </row>
    <row r="265" spans="1:7" x14ac:dyDescent="0.2">
      <c r="A265" t="s">
        <v>1387</v>
      </c>
      <c r="B265" t="s">
        <v>1388</v>
      </c>
      <c r="C265" t="s">
        <v>1389</v>
      </c>
      <c r="D265" t="s">
        <v>1390</v>
      </c>
      <c r="E265" t="s">
        <v>17</v>
      </c>
      <c r="F265" t="s">
        <v>1391</v>
      </c>
      <c r="G265" t="s">
        <v>1392</v>
      </c>
    </row>
    <row r="266" spans="1:7" x14ac:dyDescent="0.2">
      <c r="A266" t="s">
        <v>1393</v>
      </c>
      <c r="B266" t="s">
        <v>1394</v>
      </c>
      <c r="C266" t="s">
        <v>1395</v>
      </c>
      <c r="D266" t="s">
        <v>1396</v>
      </c>
      <c r="E266" t="s">
        <v>287</v>
      </c>
      <c r="F266" t="s">
        <v>527</v>
      </c>
      <c r="G266" t="s">
        <v>1397</v>
      </c>
    </row>
    <row r="267" spans="1:7" x14ac:dyDescent="0.2">
      <c r="A267" t="s">
        <v>1398</v>
      </c>
      <c r="B267" t="s">
        <v>1399</v>
      </c>
      <c r="C267" t="s">
        <v>1400</v>
      </c>
      <c r="D267" t="s">
        <v>1401</v>
      </c>
      <c r="E267" t="s">
        <v>11</v>
      </c>
      <c r="G267" t="s">
        <v>1402</v>
      </c>
    </row>
    <row r="268" spans="1:7" x14ac:dyDescent="0.2">
      <c r="A268" t="s">
        <v>1403</v>
      </c>
      <c r="B268" t="s">
        <v>1404</v>
      </c>
      <c r="C268" t="s">
        <v>1405</v>
      </c>
      <c r="D268" t="s">
        <v>1406</v>
      </c>
      <c r="E268" t="s">
        <v>17</v>
      </c>
      <c r="F268" t="s">
        <v>45</v>
      </c>
      <c r="G268" t="s">
        <v>1407</v>
      </c>
    </row>
    <row r="269" spans="1:7" x14ac:dyDescent="0.2">
      <c r="A269" t="s">
        <v>1408</v>
      </c>
      <c r="B269" t="s">
        <v>1409</v>
      </c>
      <c r="C269" t="s">
        <v>1410</v>
      </c>
      <c r="D269" t="s">
        <v>1411</v>
      </c>
      <c r="E269" t="s">
        <v>17</v>
      </c>
      <c r="F269" t="s">
        <v>1375</v>
      </c>
      <c r="G269" t="s">
        <v>1412</v>
      </c>
    </row>
    <row r="270" spans="1:7" x14ac:dyDescent="0.2">
      <c r="A270" t="s">
        <v>1413</v>
      </c>
      <c r="B270" t="s">
        <v>1414</v>
      </c>
      <c r="C270" t="s">
        <v>1415</v>
      </c>
      <c r="D270" t="s">
        <v>1416</v>
      </c>
      <c r="E270" t="s">
        <v>17</v>
      </c>
      <c r="F270" t="s">
        <v>1417</v>
      </c>
      <c r="G270" t="s">
        <v>1418</v>
      </c>
    </row>
    <row r="271" spans="1:7" x14ac:dyDescent="0.2">
      <c r="A271" t="s">
        <v>1419</v>
      </c>
      <c r="B271" t="s">
        <v>1420</v>
      </c>
      <c r="C271" t="s">
        <v>1421</v>
      </c>
      <c r="D271" t="s">
        <v>1422</v>
      </c>
      <c r="E271" t="s">
        <v>11</v>
      </c>
      <c r="G271" t="s">
        <v>1423</v>
      </c>
    </row>
    <row r="272" spans="1:7" x14ac:dyDescent="0.2">
      <c r="A272" t="s">
        <v>1424</v>
      </c>
      <c r="B272" t="s">
        <v>1425</v>
      </c>
      <c r="C272" t="s">
        <v>1426</v>
      </c>
      <c r="D272" t="s">
        <v>1427</v>
      </c>
      <c r="E272" t="s">
        <v>63</v>
      </c>
      <c r="F272" t="s">
        <v>1428</v>
      </c>
      <c r="G272" t="s">
        <v>1429</v>
      </c>
    </row>
    <row r="273" spans="1:7" x14ac:dyDescent="0.2">
      <c r="A273" t="s">
        <v>1430</v>
      </c>
      <c r="B273" t="s">
        <v>1431</v>
      </c>
      <c r="C273" t="s">
        <v>1432</v>
      </c>
      <c r="D273" t="s">
        <v>1427</v>
      </c>
      <c r="E273" t="s">
        <v>11</v>
      </c>
      <c r="F273" t="s">
        <v>1433</v>
      </c>
      <c r="G273" t="s">
        <v>1434</v>
      </c>
    </row>
    <row r="274" spans="1:7" x14ac:dyDescent="0.2">
      <c r="A274" t="s">
        <v>1435</v>
      </c>
      <c r="B274" t="s">
        <v>1436</v>
      </c>
      <c r="C274" t="s">
        <v>1437</v>
      </c>
      <c r="D274" t="s">
        <v>1438</v>
      </c>
      <c r="E274" t="s">
        <v>11</v>
      </c>
      <c r="G274" t="s">
        <v>1439</v>
      </c>
    </row>
    <row r="275" spans="1:7" x14ac:dyDescent="0.2">
      <c r="A275" t="s">
        <v>1440</v>
      </c>
      <c r="B275" t="s">
        <v>1441</v>
      </c>
      <c r="C275" t="s">
        <v>1442</v>
      </c>
      <c r="D275" t="s">
        <v>1443</v>
      </c>
      <c r="E275" t="s">
        <v>11</v>
      </c>
      <c r="G275" t="s">
        <v>1444</v>
      </c>
    </row>
    <row r="276" spans="1:7" x14ac:dyDescent="0.2">
      <c r="A276" t="s">
        <v>1445</v>
      </c>
      <c r="B276" t="s">
        <v>1446</v>
      </c>
      <c r="C276" t="s">
        <v>1447</v>
      </c>
      <c r="D276" t="s">
        <v>1448</v>
      </c>
      <c r="E276" t="s">
        <v>11</v>
      </c>
      <c r="G276" t="s">
        <v>1449</v>
      </c>
    </row>
    <row r="277" spans="1:7" x14ac:dyDescent="0.2">
      <c r="A277" t="s">
        <v>1450</v>
      </c>
      <c r="B277" t="s">
        <v>1451</v>
      </c>
      <c r="C277" t="s">
        <v>1452</v>
      </c>
      <c r="D277" t="s">
        <v>1453</v>
      </c>
      <c r="E277" t="s">
        <v>11</v>
      </c>
      <c r="G277" t="s">
        <v>1454</v>
      </c>
    </row>
    <row r="278" spans="1:7" x14ac:dyDescent="0.2">
      <c r="A278" t="s">
        <v>1455</v>
      </c>
      <c r="B278" t="s">
        <v>1456</v>
      </c>
      <c r="C278" t="s">
        <v>1457</v>
      </c>
      <c r="D278" t="s">
        <v>1458</v>
      </c>
      <c r="E278" t="s">
        <v>11</v>
      </c>
      <c r="G278" t="s">
        <v>1459</v>
      </c>
    </row>
    <row r="279" spans="1:7" x14ac:dyDescent="0.2">
      <c r="A279" t="s">
        <v>1460</v>
      </c>
      <c r="B279" t="s">
        <v>1461</v>
      </c>
      <c r="C279" t="s">
        <v>1462</v>
      </c>
      <c r="D279" t="s">
        <v>1463</v>
      </c>
      <c r="E279" t="s">
        <v>11</v>
      </c>
      <c r="G279" t="s">
        <v>1464</v>
      </c>
    </row>
    <row r="280" spans="1:7" x14ac:dyDescent="0.2">
      <c r="A280" t="s">
        <v>1465</v>
      </c>
      <c r="B280" t="s">
        <v>1466</v>
      </c>
      <c r="C280" t="s">
        <v>1467</v>
      </c>
      <c r="D280" t="s">
        <v>1468</v>
      </c>
      <c r="E280" t="s">
        <v>17</v>
      </c>
      <c r="F280" t="s">
        <v>1469</v>
      </c>
      <c r="G280" t="s">
        <v>1470</v>
      </c>
    </row>
    <row r="281" spans="1:7" x14ac:dyDescent="0.2">
      <c r="A281" t="s">
        <v>1471</v>
      </c>
      <c r="B281" t="s">
        <v>1472</v>
      </c>
      <c r="C281" t="s">
        <v>1473</v>
      </c>
      <c r="D281" t="s">
        <v>1474</v>
      </c>
      <c r="E281" t="s">
        <v>11</v>
      </c>
      <c r="G281" t="s">
        <v>1475</v>
      </c>
    </row>
    <row r="282" spans="1:7" x14ac:dyDescent="0.2">
      <c r="A282" t="s">
        <v>1476</v>
      </c>
      <c r="B282" t="s">
        <v>1477</v>
      </c>
      <c r="C282" t="s">
        <v>1478</v>
      </c>
      <c r="D282" t="s">
        <v>1479</v>
      </c>
      <c r="E282" t="s">
        <v>11</v>
      </c>
      <c r="G282" t="s">
        <v>1480</v>
      </c>
    </row>
    <row r="283" spans="1:7" x14ac:dyDescent="0.2">
      <c r="A283" t="s">
        <v>1481</v>
      </c>
      <c r="B283" t="s">
        <v>1482</v>
      </c>
      <c r="C283" t="s">
        <v>1483</v>
      </c>
      <c r="D283" t="s">
        <v>1484</v>
      </c>
      <c r="E283" t="s">
        <v>11</v>
      </c>
      <c r="G283" t="s">
        <v>1485</v>
      </c>
    </row>
    <row r="284" spans="1:7" x14ac:dyDescent="0.2">
      <c r="A284" t="s">
        <v>1486</v>
      </c>
      <c r="B284" t="s">
        <v>1487</v>
      </c>
      <c r="C284" t="s">
        <v>1488</v>
      </c>
      <c r="D284" t="s">
        <v>1489</v>
      </c>
      <c r="E284" t="s">
        <v>11</v>
      </c>
      <c r="G284" t="s">
        <v>1490</v>
      </c>
    </row>
    <row r="285" spans="1:7" x14ac:dyDescent="0.2">
      <c r="A285" t="s">
        <v>1491</v>
      </c>
      <c r="B285" t="s">
        <v>1492</v>
      </c>
      <c r="C285" t="s">
        <v>1493</v>
      </c>
      <c r="D285" t="s">
        <v>1494</v>
      </c>
      <c r="E285" t="s">
        <v>287</v>
      </c>
      <c r="F285" t="s">
        <v>527</v>
      </c>
      <c r="G285" t="s">
        <v>1495</v>
      </c>
    </row>
    <row r="286" spans="1:7" x14ac:dyDescent="0.2">
      <c r="A286" t="s">
        <v>1496</v>
      </c>
      <c r="B286" t="s">
        <v>1497</v>
      </c>
      <c r="C286" t="s">
        <v>1498</v>
      </c>
      <c r="D286" t="s">
        <v>1499</v>
      </c>
      <c r="E286" t="s">
        <v>287</v>
      </c>
      <c r="F286" t="s">
        <v>332</v>
      </c>
      <c r="G286" t="s">
        <v>1500</v>
      </c>
    </row>
    <row r="287" spans="1:7" x14ac:dyDescent="0.2">
      <c r="A287" t="s">
        <v>1501</v>
      </c>
      <c r="B287" t="s">
        <v>1502</v>
      </c>
      <c r="C287" t="s">
        <v>1503</v>
      </c>
      <c r="D287" t="s">
        <v>1504</v>
      </c>
      <c r="E287" t="s">
        <v>287</v>
      </c>
      <c r="F287" t="s">
        <v>332</v>
      </c>
      <c r="G287" t="s">
        <v>1505</v>
      </c>
    </row>
    <row r="288" spans="1:7" x14ac:dyDescent="0.2">
      <c r="A288" t="s">
        <v>1506</v>
      </c>
      <c r="B288" t="s">
        <v>1507</v>
      </c>
      <c r="C288" t="s">
        <v>1508</v>
      </c>
      <c r="D288" t="s">
        <v>1509</v>
      </c>
      <c r="E288" t="s">
        <v>287</v>
      </c>
      <c r="F288" t="s">
        <v>332</v>
      </c>
      <c r="G288" t="s">
        <v>1510</v>
      </c>
    </row>
    <row r="289" spans="1:7" x14ac:dyDescent="0.2">
      <c r="A289" t="s">
        <v>1511</v>
      </c>
      <c r="B289" t="s">
        <v>1512</v>
      </c>
      <c r="C289" t="s">
        <v>1513</v>
      </c>
      <c r="D289" t="s">
        <v>1514</v>
      </c>
      <c r="E289" t="s">
        <v>287</v>
      </c>
      <c r="F289" t="s">
        <v>332</v>
      </c>
      <c r="G289" t="s">
        <v>1515</v>
      </c>
    </row>
    <row r="290" spans="1:7" x14ac:dyDescent="0.2">
      <c r="A290" t="s">
        <v>1516</v>
      </c>
      <c r="B290" t="s">
        <v>1517</v>
      </c>
      <c r="C290" t="s">
        <v>1518</v>
      </c>
      <c r="D290" t="s">
        <v>1519</v>
      </c>
      <c r="E290" t="s">
        <v>11</v>
      </c>
      <c r="G290" t="s">
        <v>1520</v>
      </c>
    </row>
    <row r="291" spans="1:7" x14ac:dyDescent="0.2">
      <c r="A291" t="s">
        <v>1521</v>
      </c>
      <c r="B291" t="s">
        <v>1522</v>
      </c>
      <c r="C291" t="s">
        <v>1523</v>
      </c>
      <c r="D291" t="s">
        <v>1524</v>
      </c>
      <c r="E291" t="s">
        <v>17</v>
      </c>
      <c r="F291" t="s">
        <v>1525</v>
      </c>
      <c r="G291" t="s">
        <v>1526</v>
      </c>
    </row>
    <row r="292" spans="1:7" x14ac:dyDescent="0.2">
      <c r="A292" t="s">
        <v>1527</v>
      </c>
      <c r="B292" t="s">
        <v>1528</v>
      </c>
      <c r="C292" t="s">
        <v>1529</v>
      </c>
      <c r="D292" t="s">
        <v>1530</v>
      </c>
      <c r="E292" t="s">
        <v>11</v>
      </c>
      <c r="G292" t="s">
        <v>1531</v>
      </c>
    </row>
    <row r="293" spans="1:7" x14ac:dyDescent="0.2">
      <c r="A293" t="s">
        <v>1532</v>
      </c>
      <c r="B293" t="s">
        <v>1533</v>
      </c>
      <c r="C293" t="s">
        <v>1534</v>
      </c>
      <c r="D293" t="s">
        <v>1535</v>
      </c>
      <c r="E293" t="s">
        <v>11</v>
      </c>
      <c r="G293" t="s">
        <v>1536</v>
      </c>
    </row>
    <row r="294" spans="1:7" x14ac:dyDescent="0.2">
      <c r="A294" t="s">
        <v>1537</v>
      </c>
      <c r="B294" t="s">
        <v>1538</v>
      </c>
      <c r="C294" t="s">
        <v>1539</v>
      </c>
      <c r="D294" t="s">
        <v>1540</v>
      </c>
      <c r="E294" t="s">
        <v>11</v>
      </c>
      <c r="G294" t="s">
        <v>1541</v>
      </c>
    </row>
    <row r="295" spans="1:7" x14ac:dyDescent="0.2">
      <c r="A295" t="s">
        <v>1542</v>
      </c>
      <c r="B295" t="s">
        <v>1543</v>
      </c>
      <c r="C295" t="s">
        <v>1544</v>
      </c>
      <c r="D295" t="s">
        <v>1545</v>
      </c>
      <c r="E295" t="s">
        <v>11</v>
      </c>
      <c r="G295" t="s">
        <v>1546</v>
      </c>
    </row>
    <row r="296" spans="1:7" x14ac:dyDescent="0.2">
      <c r="A296" t="s">
        <v>1547</v>
      </c>
      <c r="B296" t="s">
        <v>1548</v>
      </c>
      <c r="C296" t="s">
        <v>1549</v>
      </c>
      <c r="D296" t="s">
        <v>1550</v>
      </c>
      <c r="E296" t="s">
        <v>17</v>
      </c>
      <c r="F296" t="s">
        <v>792</v>
      </c>
      <c r="G296" t="s">
        <v>1551</v>
      </c>
    </row>
    <row r="297" spans="1:7" x14ac:dyDescent="0.2">
      <c r="A297" t="s">
        <v>1552</v>
      </c>
      <c r="B297" t="s">
        <v>1553</v>
      </c>
      <c r="C297" t="s">
        <v>1554</v>
      </c>
      <c r="D297" t="s">
        <v>1555</v>
      </c>
      <c r="E297" t="s">
        <v>11</v>
      </c>
      <c r="G297" t="s">
        <v>1556</v>
      </c>
    </row>
    <row r="298" spans="1:7" x14ac:dyDescent="0.2">
      <c r="A298" t="s">
        <v>1557</v>
      </c>
      <c r="B298" t="s">
        <v>1558</v>
      </c>
      <c r="C298" t="s">
        <v>1559</v>
      </c>
      <c r="D298" t="s">
        <v>1560</v>
      </c>
      <c r="E298" t="s">
        <v>11</v>
      </c>
      <c r="G298" t="s">
        <v>1561</v>
      </c>
    </row>
    <row r="299" spans="1:7" x14ac:dyDescent="0.2">
      <c r="A299" t="s">
        <v>1562</v>
      </c>
      <c r="B299" t="s">
        <v>1563</v>
      </c>
      <c r="C299" t="s">
        <v>1564</v>
      </c>
      <c r="D299" t="s">
        <v>1565</v>
      </c>
      <c r="E299" t="s">
        <v>11</v>
      </c>
      <c r="G299" t="s">
        <v>1566</v>
      </c>
    </row>
    <row r="300" spans="1:7" x14ac:dyDescent="0.2">
      <c r="A300" t="s">
        <v>1567</v>
      </c>
      <c r="B300" t="s">
        <v>1568</v>
      </c>
      <c r="C300" t="s">
        <v>1569</v>
      </c>
      <c r="D300" t="s">
        <v>1570</v>
      </c>
      <c r="E300" t="s">
        <v>11</v>
      </c>
      <c r="G300" t="s">
        <v>1571</v>
      </c>
    </row>
    <row r="301" spans="1:7" x14ac:dyDescent="0.2">
      <c r="A301" t="s">
        <v>1572</v>
      </c>
      <c r="B301" t="s">
        <v>1573</v>
      </c>
      <c r="C301" t="s">
        <v>1574</v>
      </c>
      <c r="D301" t="s">
        <v>1575</v>
      </c>
      <c r="E301" t="s">
        <v>11</v>
      </c>
      <c r="G301" t="s">
        <v>1576</v>
      </c>
    </row>
    <row r="302" spans="1:7" x14ac:dyDescent="0.2">
      <c r="A302" t="s">
        <v>1577</v>
      </c>
      <c r="B302" t="s">
        <v>1578</v>
      </c>
      <c r="C302" t="s">
        <v>1579</v>
      </c>
      <c r="D302" t="s">
        <v>1580</v>
      </c>
      <c r="E302" t="s">
        <v>11</v>
      </c>
      <c r="G302" t="s">
        <v>1581</v>
      </c>
    </row>
    <row r="303" spans="1:7" x14ac:dyDescent="0.2">
      <c r="A303" t="s">
        <v>1582</v>
      </c>
      <c r="B303" t="s">
        <v>1583</v>
      </c>
      <c r="C303" t="s">
        <v>1584</v>
      </c>
      <c r="D303" t="s">
        <v>1585</v>
      </c>
      <c r="E303" t="s">
        <v>17</v>
      </c>
      <c r="F303" t="s">
        <v>1586</v>
      </c>
      <c r="G303" t="s">
        <v>1587</v>
      </c>
    </row>
    <row r="304" spans="1:7" x14ac:dyDescent="0.2">
      <c r="A304" t="s">
        <v>1588</v>
      </c>
      <c r="B304" t="s">
        <v>1589</v>
      </c>
      <c r="C304" t="s">
        <v>1590</v>
      </c>
      <c r="D304" t="s">
        <v>1591</v>
      </c>
      <c r="E304" t="s">
        <v>11</v>
      </c>
      <c r="G304" t="s">
        <v>1592</v>
      </c>
    </row>
    <row r="305" spans="1:7" x14ac:dyDescent="0.2">
      <c r="A305" t="s">
        <v>1593</v>
      </c>
      <c r="B305" t="s">
        <v>1594</v>
      </c>
      <c r="C305" t="s">
        <v>1595</v>
      </c>
      <c r="D305" t="s">
        <v>1596</v>
      </c>
      <c r="E305" t="s">
        <v>11</v>
      </c>
      <c r="G305" t="s">
        <v>1597</v>
      </c>
    </row>
    <row r="306" spans="1:7" x14ac:dyDescent="0.2">
      <c r="A306" t="s">
        <v>1598</v>
      </c>
      <c r="B306" t="s">
        <v>1599</v>
      </c>
      <c r="C306" t="s">
        <v>1600</v>
      </c>
      <c r="D306" t="s">
        <v>1601</v>
      </c>
      <c r="E306" t="s">
        <v>11</v>
      </c>
      <c r="G306" t="s">
        <v>1602</v>
      </c>
    </row>
    <row r="307" spans="1:7" x14ac:dyDescent="0.2">
      <c r="A307" t="s">
        <v>1603</v>
      </c>
      <c r="B307" t="s">
        <v>1604</v>
      </c>
      <c r="C307" t="s">
        <v>1605</v>
      </c>
      <c r="D307" t="s">
        <v>1606</v>
      </c>
      <c r="E307" t="s">
        <v>11</v>
      </c>
      <c r="G307" t="s">
        <v>1607</v>
      </c>
    </row>
    <row r="308" spans="1:7" x14ac:dyDescent="0.2">
      <c r="A308" t="s">
        <v>1608</v>
      </c>
      <c r="B308" t="s">
        <v>1609</v>
      </c>
      <c r="C308" t="s">
        <v>1610</v>
      </c>
      <c r="D308" t="s">
        <v>1611</v>
      </c>
      <c r="E308" t="s">
        <v>17</v>
      </c>
      <c r="F308" t="s">
        <v>1612</v>
      </c>
      <c r="G308" t="s">
        <v>1613</v>
      </c>
    </row>
    <row r="309" spans="1:7" x14ac:dyDescent="0.2">
      <c r="A309" t="s">
        <v>1614</v>
      </c>
      <c r="B309" t="s">
        <v>1615</v>
      </c>
      <c r="C309" t="s">
        <v>1616</v>
      </c>
      <c r="D309" t="s">
        <v>1617</v>
      </c>
      <c r="E309" t="s">
        <v>11</v>
      </c>
      <c r="G309" t="s">
        <v>1618</v>
      </c>
    </row>
    <row r="310" spans="1:7" x14ac:dyDescent="0.2">
      <c r="A310" t="s">
        <v>1619</v>
      </c>
      <c r="B310" t="s">
        <v>1620</v>
      </c>
      <c r="C310" t="s">
        <v>1621</v>
      </c>
      <c r="D310" t="s">
        <v>1622</v>
      </c>
      <c r="E310" t="s">
        <v>11</v>
      </c>
      <c r="G310" t="s">
        <v>1623</v>
      </c>
    </row>
    <row r="311" spans="1:7" x14ac:dyDescent="0.2">
      <c r="A311" t="s">
        <v>1624</v>
      </c>
      <c r="B311" t="s">
        <v>1625</v>
      </c>
      <c r="C311" t="s">
        <v>1626</v>
      </c>
      <c r="D311" t="s">
        <v>1627</v>
      </c>
      <c r="E311" t="s">
        <v>287</v>
      </c>
      <c r="F311" t="s">
        <v>1628</v>
      </c>
      <c r="G311" t="s">
        <v>1629</v>
      </c>
    </row>
    <row r="312" spans="1:7" x14ac:dyDescent="0.2">
      <c r="A312" t="s">
        <v>1630</v>
      </c>
      <c r="B312" t="s">
        <v>1631</v>
      </c>
      <c r="C312" t="s">
        <v>1632</v>
      </c>
      <c r="D312" t="s">
        <v>1633</v>
      </c>
      <c r="E312" t="s">
        <v>11</v>
      </c>
      <c r="G312" t="s">
        <v>1634</v>
      </c>
    </row>
    <row r="313" spans="1:7" x14ac:dyDescent="0.2">
      <c r="A313" t="s">
        <v>1635</v>
      </c>
      <c r="B313" t="s">
        <v>1636</v>
      </c>
      <c r="C313" t="s">
        <v>1637</v>
      </c>
      <c r="D313" t="s">
        <v>1638</v>
      </c>
      <c r="E313" t="s">
        <v>17</v>
      </c>
      <c r="F313" t="s">
        <v>1639</v>
      </c>
      <c r="G313" t="s">
        <v>1640</v>
      </c>
    </row>
    <row r="314" spans="1:7" x14ac:dyDescent="0.2">
      <c r="A314" t="s">
        <v>1641</v>
      </c>
      <c r="B314" t="s">
        <v>1642</v>
      </c>
      <c r="C314" t="s">
        <v>1643</v>
      </c>
      <c r="D314" t="s">
        <v>1644</v>
      </c>
      <c r="E314" t="s">
        <v>11</v>
      </c>
      <c r="G314" t="s">
        <v>1645</v>
      </c>
    </row>
    <row r="315" spans="1:7" x14ac:dyDescent="0.2">
      <c r="A315" t="s">
        <v>1646</v>
      </c>
      <c r="B315" t="s">
        <v>1647</v>
      </c>
      <c r="C315" t="s">
        <v>1648</v>
      </c>
      <c r="D315" t="s">
        <v>1649</v>
      </c>
      <c r="E315" t="s">
        <v>11</v>
      </c>
      <c r="G315" t="s">
        <v>1650</v>
      </c>
    </row>
    <row r="316" spans="1:7" x14ac:dyDescent="0.2">
      <c r="A316" t="s">
        <v>1651</v>
      </c>
      <c r="B316" t="s">
        <v>1652</v>
      </c>
      <c r="C316" t="s">
        <v>1653</v>
      </c>
      <c r="D316" t="s">
        <v>1654</v>
      </c>
      <c r="E316" t="s">
        <v>11</v>
      </c>
      <c r="G316" t="s">
        <v>1655</v>
      </c>
    </row>
    <row r="317" spans="1:7" x14ac:dyDescent="0.2">
      <c r="A317" t="s">
        <v>1656</v>
      </c>
      <c r="B317" t="s">
        <v>1657</v>
      </c>
      <c r="C317" t="s">
        <v>1658</v>
      </c>
      <c r="D317" t="s">
        <v>1659</v>
      </c>
      <c r="E317" t="s">
        <v>11</v>
      </c>
      <c r="G317" t="s">
        <v>1660</v>
      </c>
    </row>
    <row r="318" spans="1:7" x14ac:dyDescent="0.2">
      <c r="A318" t="s">
        <v>1661</v>
      </c>
      <c r="B318" t="s">
        <v>1662</v>
      </c>
      <c r="C318" t="s">
        <v>1663</v>
      </c>
      <c r="D318" t="s">
        <v>1664</v>
      </c>
      <c r="E318" t="s">
        <v>11</v>
      </c>
      <c r="G318" t="s">
        <v>1665</v>
      </c>
    </row>
    <row r="319" spans="1:7" x14ac:dyDescent="0.2">
      <c r="A319" t="s">
        <v>1666</v>
      </c>
      <c r="B319" t="s">
        <v>1667</v>
      </c>
      <c r="C319" t="s">
        <v>1668</v>
      </c>
      <c r="D319" t="s">
        <v>1669</v>
      </c>
      <c r="E319" t="s">
        <v>11</v>
      </c>
      <c r="G319" t="s">
        <v>1670</v>
      </c>
    </row>
    <row r="320" spans="1:7" x14ac:dyDescent="0.2">
      <c r="A320" t="s">
        <v>1671</v>
      </c>
      <c r="B320" t="s">
        <v>1672</v>
      </c>
      <c r="C320" t="s">
        <v>1673</v>
      </c>
      <c r="D320" t="s">
        <v>1674</v>
      </c>
      <c r="E320" t="s">
        <v>11</v>
      </c>
      <c r="G320" t="s">
        <v>1675</v>
      </c>
    </row>
    <row r="321" spans="1:7" x14ac:dyDescent="0.2">
      <c r="A321" t="s">
        <v>1676</v>
      </c>
      <c r="B321" t="s">
        <v>1677</v>
      </c>
      <c r="C321" t="s">
        <v>1678</v>
      </c>
      <c r="D321" t="s">
        <v>1679</v>
      </c>
      <c r="E321" t="s">
        <v>11</v>
      </c>
      <c r="G321" t="s">
        <v>1680</v>
      </c>
    </row>
    <row r="322" spans="1:7" x14ac:dyDescent="0.2">
      <c r="A322" t="s">
        <v>1681</v>
      </c>
      <c r="B322" t="s">
        <v>1682</v>
      </c>
      <c r="C322" t="s">
        <v>1683</v>
      </c>
      <c r="D322" t="s">
        <v>1684</v>
      </c>
      <c r="E322" t="s">
        <v>11</v>
      </c>
      <c r="G322" t="s">
        <v>1685</v>
      </c>
    </row>
    <row r="323" spans="1:7" x14ac:dyDescent="0.2">
      <c r="A323" t="s">
        <v>1686</v>
      </c>
      <c r="B323" t="s">
        <v>1687</v>
      </c>
      <c r="C323" t="s">
        <v>1688</v>
      </c>
      <c r="D323" t="s">
        <v>1689</v>
      </c>
      <c r="E323" t="s">
        <v>11</v>
      </c>
      <c r="G323" t="s">
        <v>1690</v>
      </c>
    </row>
    <row r="324" spans="1:7" x14ac:dyDescent="0.2">
      <c r="A324" t="s">
        <v>1691</v>
      </c>
      <c r="B324" t="s">
        <v>1692</v>
      </c>
      <c r="C324" t="s">
        <v>1693</v>
      </c>
      <c r="D324" t="s">
        <v>1694</v>
      </c>
      <c r="E324" t="s">
        <v>11</v>
      </c>
      <c r="G324" t="s">
        <v>1695</v>
      </c>
    </row>
    <row r="325" spans="1:7" x14ac:dyDescent="0.2">
      <c r="A325" t="s">
        <v>1696</v>
      </c>
      <c r="B325" t="s">
        <v>1697</v>
      </c>
      <c r="C325" t="s">
        <v>1698</v>
      </c>
      <c r="D325" t="s">
        <v>1699</v>
      </c>
      <c r="E325" t="s">
        <v>11</v>
      </c>
      <c r="G325" t="s">
        <v>1700</v>
      </c>
    </row>
    <row r="326" spans="1:7" x14ac:dyDescent="0.2">
      <c r="A326" t="s">
        <v>1701</v>
      </c>
      <c r="B326" t="s">
        <v>1702</v>
      </c>
      <c r="C326" t="s">
        <v>1703</v>
      </c>
      <c r="D326" t="s">
        <v>145</v>
      </c>
      <c r="E326" t="s">
        <v>11</v>
      </c>
      <c r="G326" t="s">
        <v>1704</v>
      </c>
    </row>
    <row r="327" spans="1:7" x14ac:dyDescent="0.2">
      <c r="A327" t="s">
        <v>1705</v>
      </c>
      <c r="B327" t="s">
        <v>1706</v>
      </c>
      <c r="C327" t="s">
        <v>1707</v>
      </c>
      <c r="D327" t="s">
        <v>1708</v>
      </c>
      <c r="E327" t="s">
        <v>11</v>
      </c>
      <c r="G327" t="s">
        <v>1709</v>
      </c>
    </row>
    <row r="328" spans="1:7" x14ac:dyDescent="0.2">
      <c r="A328" t="s">
        <v>1710</v>
      </c>
      <c r="B328" t="s">
        <v>1711</v>
      </c>
      <c r="C328" t="s">
        <v>1712</v>
      </c>
      <c r="D328" t="s">
        <v>1713</v>
      </c>
      <c r="E328" t="s">
        <v>11</v>
      </c>
      <c r="G328" t="s">
        <v>1714</v>
      </c>
    </row>
    <row r="329" spans="1:7" x14ac:dyDescent="0.2">
      <c r="A329" t="s">
        <v>1715</v>
      </c>
      <c r="B329" t="s">
        <v>1716</v>
      </c>
      <c r="C329" t="s">
        <v>1717</v>
      </c>
      <c r="D329" t="s">
        <v>1718</v>
      </c>
      <c r="E329" t="s">
        <v>11</v>
      </c>
      <c r="G329" t="s">
        <v>1719</v>
      </c>
    </row>
    <row r="330" spans="1:7" x14ac:dyDescent="0.2">
      <c r="A330" t="s">
        <v>1720</v>
      </c>
      <c r="B330" t="s">
        <v>1721</v>
      </c>
      <c r="C330" t="s">
        <v>1722</v>
      </c>
      <c r="D330" t="s">
        <v>1723</v>
      </c>
      <c r="E330" t="s">
        <v>11</v>
      </c>
      <c r="G330" t="s">
        <v>1724</v>
      </c>
    </row>
    <row r="331" spans="1:7" x14ac:dyDescent="0.2">
      <c r="A331" t="s">
        <v>1725</v>
      </c>
      <c r="B331" t="s">
        <v>1726</v>
      </c>
      <c r="C331" t="s">
        <v>1727</v>
      </c>
      <c r="D331" t="s">
        <v>1728</v>
      </c>
      <c r="E331" t="s">
        <v>11</v>
      </c>
      <c r="G331" t="s">
        <v>1729</v>
      </c>
    </row>
    <row r="332" spans="1:7" x14ac:dyDescent="0.2">
      <c r="A332" t="s">
        <v>1730</v>
      </c>
      <c r="B332" t="s">
        <v>1731</v>
      </c>
      <c r="C332" t="s">
        <v>1732</v>
      </c>
      <c r="D332" t="s">
        <v>1733</v>
      </c>
      <c r="E332" t="s">
        <v>17</v>
      </c>
      <c r="F332" t="s">
        <v>70</v>
      </c>
      <c r="G332" t="s">
        <v>1734</v>
      </c>
    </row>
    <row r="333" spans="1:7" x14ac:dyDescent="0.2">
      <c r="A333" t="s">
        <v>1735</v>
      </c>
      <c r="B333" t="s">
        <v>1736</v>
      </c>
      <c r="C333" t="s">
        <v>1737</v>
      </c>
      <c r="D333" t="s">
        <v>1738</v>
      </c>
      <c r="E333" t="s">
        <v>11</v>
      </c>
      <c r="G333" t="s">
        <v>1739</v>
      </c>
    </row>
    <row r="334" spans="1:7" x14ac:dyDescent="0.2">
      <c r="A334" t="s">
        <v>1740</v>
      </c>
      <c r="B334" t="s">
        <v>1741</v>
      </c>
      <c r="C334" t="s">
        <v>1742</v>
      </c>
      <c r="D334" t="s">
        <v>1743</v>
      </c>
      <c r="E334" t="s">
        <v>17</v>
      </c>
      <c r="F334" t="s">
        <v>1744</v>
      </c>
      <c r="G334" t="s">
        <v>1745</v>
      </c>
    </row>
    <row r="335" spans="1:7" x14ac:dyDescent="0.2">
      <c r="A335" t="s">
        <v>1746</v>
      </c>
      <c r="B335" t="s">
        <v>1747</v>
      </c>
      <c r="C335" t="s">
        <v>1748</v>
      </c>
      <c r="D335" t="s">
        <v>1749</v>
      </c>
      <c r="E335" t="s">
        <v>11</v>
      </c>
      <c r="G335" t="s">
        <v>1750</v>
      </c>
    </row>
    <row r="336" spans="1:7" x14ac:dyDescent="0.2">
      <c r="A336" t="s">
        <v>1751</v>
      </c>
      <c r="B336" t="s">
        <v>1752</v>
      </c>
      <c r="C336" t="s">
        <v>1753</v>
      </c>
      <c r="D336" t="s">
        <v>1754</v>
      </c>
      <c r="E336" t="s">
        <v>11</v>
      </c>
      <c r="G336" t="s">
        <v>1755</v>
      </c>
    </row>
    <row r="337" spans="1:7" x14ac:dyDescent="0.2">
      <c r="A337" t="s">
        <v>1756</v>
      </c>
      <c r="B337" t="s">
        <v>1757</v>
      </c>
      <c r="C337" t="s">
        <v>1758</v>
      </c>
      <c r="D337" t="s">
        <v>1759</v>
      </c>
      <c r="E337" t="s">
        <v>17</v>
      </c>
      <c r="F337" t="s">
        <v>70</v>
      </c>
      <c r="G337" t="s">
        <v>1760</v>
      </c>
    </row>
    <row r="338" spans="1:7" x14ac:dyDescent="0.2">
      <c r="A338" t="s">
        <v>1761</v>
      </c>
      <c r="B338" t="s">
        <v>1762</v>
      </c>
      <c r="C338" t="s">
        <v>1763</v>
      </c>
      <c r="D338" t="s">
        <v>1764</v>
      </c>
      <c r="E338" t="s">
        <v>17</v>
      </c>
      <c r="F338" t="s">
        <v>70</v>
      </c>
      <c r="G338" t="s">
        <v>1765</v>
      </c>
    </row>
    <row r="339" spans="1:7" x14ac:dyDescent="0.2">
      <c r="A339" t="s">
        <v>1766</v>
      </c>
      <c r="B339" t="s">
        <v>1767</v>
      </c>
      <c r="C339" t="s">
        <v>1768</v>
      </c>
      <c r="D339" t="s">
        <v>1769</v>
      </c>
      <c r="E339" t="s">
        <v>11</v>
      </c>
      <c r="G339" t="s">
        <v>1770</v>
      </c>
    </row>
    <row r="340" spans="1:7" x14ac:dyDescent="0.2">
      <c r="A340" t="s">
        <v>1771</v>
      </c>
      <c r="B340" t="s">
        <v>1772</v>
      </c>
      <c r="C340" t="s">
        <v>1773</v>
      </c>
      <c r="D340" t="s">
        <v>1774</v>
      </c>
      <c r="E340" t="s">
        <v>11</v>
      </c>
      <c r="G340" t="s">
        <v>1775</v>
      </c>
    </row>
    <row r="341" spans="1:7" x14ac:dyDescent="0.2">
      <c r="A341" t="s">
        <v>1776</v>
      </c>
      <c r="B341" t="s">
        <v>1777</v>
      </c>
      <c r="C341" t="s">
        <v>1778</v>
      </c>
      <c r="D341" t="s">
        <v>1779</v>
      </c>
      <c r="E341" t="s">
        <v>11</v>
      </c>
      <c r="G341" t="s">
        <v>1780</v>
      </c>
    </row>
    <row r="342" spans="1:7" x14ac:dyDescent="0.2">
      <c r="A342" t="s">
        <v>1781</v>
      </c>
      <c r="B342" t="s">
        <v>1782</v>
      </c>
      <c r="C342" t="s">
        <v>1783</v>
      </c>
      <c r="D342" t="s">
        <v>1784</v>
      </c>
      <c r="E342" t="s">
        <v>17</v>
      </c>
      <c r="F342" t="s">
        <v>465</v>
      </c>
      <c r="G342" t="s">
        <v>1785</v>
      </c>
    </row>
    <row r="343" spans="1:7" x14ac:dyDescent="0.2">
      <c r="A343" t="s">
        <v>1786</v>
      </c>
      <c r="B343" t="s">
        <v>1787</v>
      </c>
      <c r="C343" t="s">
        <v>1788</v>
      </c>
      <c r="D343" t="s">
        <v>1789</v>
      </c>
      <c r="E343" t="s">
        <v>11</v>
      </c>
      <c r="G343" t="s">
        <v>1790</v>
      </c>
    </row>
    <row r="344" spans="1:7" x14ac:dyDescent="0.2">
      <c r="A344" t="s">
        <v>1791</v>
      </c>
      <c r="B344" t="s">
        <v>1792</v>
      </c>
      <c r="C344" t="s">
        <v>1793</v>
      </c>
      <c r="D344" t="s">
        <v>1794</v>
      </c>
      <c r="E344" t="s">
        <v>11</v>
      </c>
      <c r="G344" t="s">
        <v>1795</v>
      </c>
    </row>
    <row r="345" spans="1:7" x14ac:dyDescent="0.2">
      <c r="A345" t="s">
        <v>1796</v>
      </c>
      <c r="B345" t="s">
        <v>1797</v>
      </c>
      <c r="C345" t="s">
        <v>1798</v>
      </c>
      <c r="D345" t="s">
        <v>1799</v>
      </c>
      <c r="E345" t="s">
        <v>11</v>
      </c>
      <c r="G345" t="s">
        <v>1800</v>
      </c>
    </row>
    <row r="346" spans="1:7" x14ac:dyDescent="0.2">
      <c r="A346" t="s">
        <v>1801</v>
      </c>
      <c r="B346" t="s">
        <v>1802</v>
      </c>
      <c r="C346" t="s">
        <v>1803</v>
      </c>
      <c r="D346" t="s">
        <v>1804</v>
      </c>
      <c r="E346" t="s">
        <v>11</v>
      </c>
      <c r="G346" t="s">
        <v>1805</v>
      </c>
    </row>
    <row r="347" spans="1:7" x14ac:dyDescent="0.2">
      <c r="A347" t="s">
        <v>1806</v>
      </c>
      <c r="B347" t="s">
        <v>1807</v>
      </c>
      <c r="C347" t="s">
        <v>1808</v>
      </c>
      <c r="D347" t="s">
        <v>1809</v>
      </c>
      <c r="E347" t="s">
        <v>11</v>
      </c>
      <c r="G347" t="s">
        <v>1810</v>
      </c>
    </row>
    <row r="348" spans="1:7" x14ac:dyDescent="0.2">
      <c r="A348" t="s">
        <v>1811</v>
      </c>
      <c r="B348" t="s">
        <v>1812</v>
      </c>
      <c r="C348" t="s">
        <v>1813</v>
      </c>
      <c r="D348" t="s">
        <v>1814</v>
      </c>
      <c r="E348" t="s">
        <v>11</v>
      </c>
      <c r="G348" t="s">
        <v>1815</v>
      </c>
    </row>
    <row r="349" spans="1:7" x14ac:dyDescent="0.2">
      <c r="A349" t="s">
        <v>1816</v>
      </c>
      <c r="B349" t="s">
        <v>1817</v>
      </c>
      <c r="C349" t="s">
        <v>1818</v>
      </c>
      <c r="D349" t="s">
        <v>1819</v>
      </c>
      <c r="E349" t="s">
        <v>11</v>
      </c>
      <c r="G349" t="s">
        <v>1820</v>
      </c>
    </row>
    <row r="350" spans="1:7" x14ac:dyDescent="0.2">
      <c r="A350" t="s">
        <v>1821</v>
      </c>
      <c r="B350" t="s">
        <v>1822</v>
      </c>
      <c r="C350" t="s">
        <v>1823</v>
      </c>
      <c r="D350" t="s">
        <v>1824</v>
      </c>
      <c r="E350" t="s">
        <v>11</v>
      </c>
      <c r="G350" t="s">
        <v>1825</v>
      </c>
    </row>
    <row r="351" spans="1:7" x14ac:dyDescent="0.2">
      <c r="A351" t="s">
        <v>1826</v>
      </c>
      <c r="B351" t="s">
        <v>1827</v>
      </c>
      <c r="C351" t="s">
        <v>1828</v>
      </c>
      <c r="D351" t="s">
        <v>1829</v>
      </c>
      <c r="E351" t="s">
        <v>11</v>
      </c>
      <c r="G351" t="s">
        <v>1830</v>
      </c>
    </row>
    <row r="352" spans="1:7" x14ac:dyDescent="0.2">
      <c r="A352" t="s">
        <v>1831</v>
      </c>
      <c r="B352" t="s">
        <v>1832</v>
      </c>
      <c r="C352" t="s">
        <v>1833</v>
      </c>
      <c r="D352" t="s">
        <v>1834</v>
      </c>
      <c r="E352" t="s">
        <v>11</v>
      </c>
      <c r="G352" t="s">
        <v>1835</v>
      </c>
    </row>
    <row r="353" spans="1:7" x14ac:dyDescent="0.2">
      <c r="A353" t="s">
        <v>1836</v>
      </c>
      <c r="B353" t="s">
        <v>1837</v>
      </c>
      <c r="C353" t="s">
        <v>1838</v>
      </c>
      <c r="D353" t="s">
        <v>1839</v>
      </c>
      <c r="E353" t="s">
        <v>11</v>
      </c>
      <c r="G353" t="s">
        <v>1840</v>
      </c>
    </row>
    <row r="354" spans="1:7" x14ac:dyDescent="0.2">
      <c r="A354" t="s">
        <v>1841</v>
      </c>
      <c r="B354" t="s">
        <v>1842</v>
      </c>
      <c r="C354" t="s">
        <v>1843</v>
      </c>
      <c r="D354" t="s">
        <v>1844</v>
      </c>
      <c r="E354" t="s">
        <v>17</v>
      </c>
      <c r="F354" t="s">
        <v>1845</v>
      </c>
      <c r="G354" t="s">
        <v>1846</v>
      </c>
    </row>
    <row r="355" spans="1:7" x14ac:dyDescent="0.2">
      <c r="A355" t="s">
        <v>1847</v>
      </c>
      <c r="B355" t="s">
        <v>1848</v>
      </c>
      <c r="C355" t="s">
        <v>1849</v>
      </c>
      <c r="D355" t="s">
        <v>1850</v>
      </c>
      <c r="E355" t="s">
        <v>11</v>
      </c>
      <c r="G355" t="s">
        <v>1851</v>
      </c>
    </row>
    <row r="356" spans="1:7" x14ac:dyDescent="0.2">
      <c r="A356" t="s">
        <v>1852</v>
      </c>
      <c r="B356" t="s">
        <v>1853</v>
      </c>
      <c r="C356" t="s">
        <v>1854</v>
      </c>
      <c r="D356" t="s">
        <v>1855</v>
      </c>
      <c r="E356" t="s">
        <v>11</v>
      </c>
      <c r="G356" t="s">
        <v>1856</v>
      </c>
    </row>
    <row r="357" spans="1:7" x14ac:dyDescent="0.2">
      <c r="A357" t="s">
        <v>1857</v>
      </c>
      <c r="B357" t="s">
        <v>1858</v>
      </c>
      <c r="C357" t="s">
        <v>1859</v>
      </c>
      <c r="D357" t="s">
        <v>1860</v>
      </c>
      <c r="E357" t="s">
        <v>17</v>
      </c>
      <c r="F357" t="s">
        <v>70</v>
      </c>
      <c r="G357" t="s">
        <v>1861</v>
      </c>
    </row>
    <row r="358" spans="1:7" x14ac:dyDescent="0.2">
      <c r="A358" t="s">
        <v>1862</v>
      </c>
      <c r="B358" t="s">
        <v>1863</v>
      </c>
      <c r="C358" t="s">
        <v>1864</v>
      </c>
      <c r="D358" t="s">
        <v>1865</v>
      </c>
      <c r="E358" t="s">
        <v>11</v>
      </c>
      <c r="G358" t="s">
        <v>1866</v>
      </c>
    </row>
    <row r="359" spans="1:7" x14ac:dyDescent="0.2">
      <c r="A359" t="s">
        <v>1867</v>
      </c>
      <c r="B359" t="s">
        <v>1868</v>
      </c>
      <c r="C359" t="s">
        <v>1869</v>
      </c>
      <c r="D359" t="s">
        <v>1870</v>
      </c>
      <c r="E359" t="s">
        <v>11</v>
      </c>
      <c r="G359" t="s">
        <v>1871</v>
      </c>
    </row>
    <row r="360" spans="1:7" x14ac:dyDescent="0.2">
      <c r="A360" t="s">
        <v>1872</v>
      </c>
      <c r="B360" t="s">
        <v>1873</v>
      </c>
      <c r="C360" t="s">
        <v>1874</v>
      </c>
      <c r="D360" t="s">
        <v>1875</v>
      </c>
      <c r="E360" t="s">
        <v>11</v>
      </c>
      <c r="G360" t="s">
        <v>1876</v>
      </c>
    </row>
    <row r="361" spans="1:7" x14ac:dyDescent="0.2">
      <c r="A361" t="s">
        <v>1877</v>
      </c>
      <c r="B361" t="s">
        <v>1878</v>
      </c>
      <c r="C361" t="s">
        <v>1879</v>
      </c>
      <c r="D361" t="s">
        <v>1880</v>
      </c>
      <c r="E361" t="s">
        <v>11</v>
      </c>
      <c r="G361" t="s">
        <v>1881</v>
      </c>
    </row>
    <row r="362" spans="1:7" x14ac:dyDescent="0.2">
      <c r="A362" t="s">
        <v>1882</v>
      </c>
      <c r="B362" t="s">
        <v>1883</v>
      </c>
      <c r="C362" t="s">
        <v>1884</v>
      </c>
      <c r="D362" t="s">
        <v>1885</v>
      </c>
      <c r="E362" t="s">
        <v>11</v>
      </c>
      <c r="G362" t="s">
        <v>1886</v>
      </c>
    </row>
    <row r="363" spans="1:7" x14ac:dyDescent="0.2">
      <c r="A363" t="s">
        <v>1887</v>
      </c>
      <c r="B363" t="s">
        <v>1888</v>
      </c>
      <c r="C363" t="s">
        <v>1889</v>
      </c>
      <c r="D363" t="s">
        <v>1890</v>
      </c>
      <c r="E363" t="s">
        <v>11</v>
      </c>
      <c r="G363" t="s">
        <v>1891</v>
      </c>
    </row>
    <row r="364" spans="1:7" x14ac:dyDescent="0.2">
      <c r="A364" t="s">
        <v>1892</v>
      </c>
      <c r="B364" t="s">
        <v>1893</v>
      </c>
      <c r="C364" t="s">
        <v>1894</v>
      </c>
      <c r="D364" t="s">
        <v>1895</v>
      </c>
      <c r="E364" t="s">
        <v>11</v>
      </c>
      <c r="G364" t="s">
        <v>1896</v>
      </c>
    </row>
    <row r="365" spans="1:7" x14ac:dyDescent="0.2">
      <c r="A365" t="s">
        <v>1897</v>
      </c>
      <c r="B365" t="s">
        <v>1898</v>
      </c>
      <c r="C365" t="s">
        <v>1899</v>
      </c>
      <c r="D365" t="s">
        <v>1895</v>
      </c>
      <c r="E365" t="s">
        <v>11</v>
      </c>
      <c r="G365" t="s">
        <v>1900</v>
      </c>
    </row>
    <row r="366" spans="1:7" x14ac:dyDescent="0.2">
      <c r="A366" t="s">
        <v>1901</v>
      </c>
      <c r="B366" t="s">
        <v>1902</v>
      </c>
      <c r="C366" t="s">
        <v>1903</v>
      </c>
      <c r="D366" t="s">
        <v>1904</v>
      </c>
      <c r="E366" t="s">
        <v>287</v>
      </c>
      <c r="F366" t="s">
        <v>1905</v>
      </c>
      <c r="G366" t="s">
        <v>1906</v>
      </c>
    </row>
    <row r="367" spans="1:7" x14ac:dyDescent="0.2">
      <c r="A367" t="s">
        <v>1907</v>
      </c>
      <c r="B367" t="s">
        <v>1908</v>
      </c>
      <c r="C367" t="s">
        <v>1909</v>
      </c>
      <c r="D367" t="s">
        <v>1910</v>
      </c>
      <c r="E367" t="s">
        <v>11</v>
      </c>
      <c r="G367" t="s">
        <v>1911</v>
      </c>
    </row>
    <row r="368" spans="1:7" x14ac:dyDescent="0.2">
      <c r="A368" t="s">
        <v>1912</v>
      </c>
      <c r="B368" t="s">
        <v>1913</v>
      </c>
      <c r="C368" t="s">
        <v>1914</v>
      </c>
      <c r="D368" t="s">
        <v>1915</v>
      </c>
      <c r="E368" t="s">
        <v>63</v>
      </c>
      <c r="F368" t="s">
        <v>1916</v>
      </c>
      <c r="G368" t="s">
        <v>1917</v>
      </c>
    </row>
    <row r="369" spans="1:7" x14ac:dyDescent="0.2">
      <c r="A369" t="s">
        <v>1918</v>
      </c>
      <c r="B369" t="s">
        <v>1919</v>
      </c>
      <c r="C369" t="s">
        <v>1920</v>
      </c>
      <c r="D369" t="s">
        <v>1921</v>
      </c>
      <c r="E369" t="s">
        <v>11</v>
      </c>
      <c r="G369" t="s">
        <v>1922</v>
      </c>
    </row>
    <row r="370" spans="1:7" x14ac:dyDescent="0.2">
      <c r="A370" t="s">
        <v>1923</v>
      </c>
      <c r="B370" t="s">
        <v>1924</v>
      </c>
      <c r="C370" t="s">
        <v>1925</v>
      </c>
      <c r="D370" t="s">
        <v>1926</v>
      </c>
      <c r="E370" t="s">
        <v>11</v>
      </c>
      <c r="G370" t="s">
        <v>1927</v>
      </c>
    </row>
    <row r="371" spans="1:7" x14ac:dyDescent="0.2">
      <c r="A371" t="s">
        <v>1928</v>
      </c>
      <c r="B371" t="s">
        <v>1929</v>
      </c>
      <c r="C371" t="s">
        <v>1930</v>
      </c>
      <c r="D371" t="s">
        <v>1931</v>
      </c>
      <c r="E371" t="s">
        <v>11</v>
      </c>
      <c r="G371" t="s">
        <v>1932</v>
      </c>
    </row>
    <row r="372" spans="1:7" x14ac:dyDescent="0.2">
      <c r="A372" t="s">
        <v>1933</v>
      </c>
      <c r="B372" t="s">
        <v>1934</v>
      </c>
      <c r="C372" t="s">
        <v>1935</v>
      </c>
      <c r="D372" t="s">
        <v>1936</v>
      </c>
      <c r="E372" t="s">
        <v>287</v>
      </c>
      <c r="F372" t="s">
        <v>527</v>
      </c>
      <c r="G372" t="s">
        <v>1937</v>
      </c>
    </row>
    <row r="373" spans="1:7" x14ac:dyDescent="0.2">
      <c r="A373" t="s">
        <v>1938</v>
      </c>
      <c r="B373" t="s">
        <v>1939</v>
      </c>
      <c r="C373" t="s">
        <v>1940</v>
      </c>
      <c r="D373" t="s">
        <v>1941</v>
      </c>
      <c r="E373" t="s">
        <v>11</v>
      </c>
      <c r="G373" t="s">
        <v>1942</v>
      </c>
    </row>
    <row r="374" spans="1:7" x14ac:dyDescent="0.2">
      <c r="A374" t="s">
        <v>1943</v>
      </c>
      <c r="B374" t="s">
        <v>1944</v>
      </c>
      <c r="C374" t="s">
        <v>1945</v>
      </c>
      <c r="D374" t="s">
        <v>1946</v>
      </c>
      <c r="E374" t="s">
        <v>287</v>
      </c>
      <c r="F374" t="s">
        <v>288</v>
      </c>
      <c r="G374" t="s">
        <v>1947</v>
      </c>
    </row>
    <row r="375" spans="1:7" x14ac:dyDescent="0.2">
      <c r="A375" t="s">
        <v>1948</v>
      </c>
      <c r="B375" t="s">
        <v>1949</v>
      </c>
      <c r="C375" t="s">
        <v>1950</v>
      </c>
      <c r="D375" t="s">
        <v>1951</v>
      </c>
      <c r="E375" t="s">
        <v>11</v>
      </c>
      <c r="G375" t="s">
        <v>1952</v>
      </c>
    </row>
    <row r="376" spans="1:7" x14ac:dyDescent="0.2">
      <c r="A376" t="s">
        <v>1953</v>
      </c>
      <c r="B376" t="s">
        <v>1954</v>
      </c>
      <c r="C376" t="s">
        <v>1955</v>
      </c>
      <c r="D376" t="s">
        <v>1956</v>
      </c>
      <c r="E376" t="s">
        <v>11</v>
      </c>
      <c r="G376" t="s">
        <v>1957</v>
      </c>
    </row>
    <row r="377" spans="1:7" x14ac:dyDescent="0.2">
      <c r="A377" t="s">
        <v>1958</v>
      </c>
      <c r="B377" t="s">
        <v>1959</v>
      </c>
      <c r="C377" t="s">
        <v>1960</v>
      </c>
      <c r="D377" t="s">
        <v>1961</v>
      </c>
      <c r="E377" t="s">
        <v>17</v>
      </c>
      <c r="F377" t="s">
        <v>1962</v>
      </c>
      <c r="G377" t="s">
        <v>1963</v>
      </c>
    </row>
    <row r="378" spans="1:7" x14ac:dyDescent="0.2">
      <c r="A378" t="s">
        <v>1964</v>
      </c>
      <c r="B378" t="s">
        <v>1965</v>
      </c>
      <c r="C378" t="s">
        <v>1966</v>
      </c>
      <c r="D378" t="s">
        <v>1967</v>
      </c>
      <c r="E378" t="s">
        <v>11</v>
      </c>
      <c r="G378" t="s">
        <v>1968</v>
      </c>
    </row>
    <row r="379" spans="1:7" x14ac:dyDescent="0.2">
      <c r="A379" t="s">
        <v>1969</v>
      </c>
      <c r="B379" t="s">
        <v>1970</v>
      </c>
      <c r="C379" t="s">
        <v>1971</v>
      </c>
      <c r="D379" t="s">
        <v>1972</v>
      </c>
      <c r="E379" t="s">
        <v>11</v>
      </c>
      <c r="G379" t="s">
        <v>1973</v>
      </c>
    </row>
    <row r="380" spans="1:7" x14ac:dyDescent="0.2">
      <c r="A380" t="s">
        <v>1974</v>
      </c>
      <c r="B380" t="s">
        <v>1975</v>
      </c>
      <c r="C380" t="s">
        <v>1976</v>
      </c>
      <c r="D380" t="s">
        <v>1977</v>
      </c>
      <c r="E380" t="s">
        <v>17</v>
      </c>
      <c r="F380" t="s">
        <v>70</v>
      </c>
      <c r="G380" t="s">
        <v>1978</v>
      </c>
    </row>
    <row r="381" spans="1:7" x14ac:dyDescent="0.2">
      <c r="A381" t="s">
        <v>1979</v>
      </c>
      <c r="B381" t="s">
        <v>1980</v>
      </c>
      <c r="C381" t="s">
        <v>1981</v>
      </c>
      <c r="D381" t="s">
        <v>1982</v>
      </c>
      <c r="E381" t="s">
        <v>287</v>
      </c>
      <c r="F381" t="s">
        <v>332</v>
      </c>
      <c r="G381" t="s">
        <v>1983</v>
      </c>
    </row>
    <row r="382" spans="1:7" x14ac:dyDescent="0.2">
      <c r="A382" t="s">
        <v>1984</v>
      </c>
      <c r="B382" t="s">
        <v>1985</v>
      </c>
      <c r="C382" t="s">
        <v>1986</v>
      </c>
      <c r="D382" t="s">
        <v>1987</v>
      </c>
      <c r="E382" t="s">
        <v>11</v>
      </c>
      <c r="G382" t="s">
        <v>1988</v>
      </c>
    </row>
    <row r="383" spans="1:7" x14ac:dyDescent="0.2">
      <c r="A383" t="s">
        <v>1989</v>
      </c>
      <c r="B383" t="s">
        <v>1990</v>
      </c>
      <c r="C383" t="s">
        <v>1991</v>
      </c>
      <c r="D383" t="s">
        <v>1992</v>
      </c>
      <c r="E383" t="s">
        <v>17</v>
      </c>
      <c r="F383" t="s">
        <v>98</v>
      </c>
      <c r="G383" t="s">
        <v>1993</v>
      </c>
    </row>
    <row r="384" spans="1:7" x14ac:dyDescent="0.2">
      <c r="A384" t="s">
        <v>1994</v>
      </c>
      <c r="B384" t="s">
        <v>1995</v>
      </c>
      <c r="C384" t="s">
        <v>1996</v>
      </c>
      <c r="D384" t="s">
        <v>1997</v>
      </c>
      <c r="E384" t="s">
        <v>11</v>
      </c>
      <c r="G384" t="s">
        <v>1998</v>
      </c>
    </row>
    <row r="385" spans="1:7" x14ac:dyDescent="0.2">
      <c r="A385" t="s">
        <v>1999</v>
      </c>
      <c r="B385" t="s">
        <v>2000</v>
      </c>
      <c r="C385" t="s">
        <v>2001</v>
      </c>
      <c r="D385" t="s">
        <v>2002</v>
      </c>
      <c r="E385" t="s">
        <v>11</v>
      </c>
      <c r="G385" t="s">
        <v>2003</v>
      </c>
    </row>
    <row r="386" spans="1:7" x14ac:dyDescent="0.2">
      <c r="A386" t="s">
        <v>2004</v>
      </c>
      <c r="B386" t="s">
        <v>2005</v>
      </c>
      <c r="C386" t="s">
        <v>2006</v>
      </c>
      <c r="D386" t="s">
        <v>2007</v>
      </c>
      <c r="E386" t="s">
        <v>17</v>
      </c>
      <c r="F386" t="s">
        <v>98</v>
      </c>
      <c r="G386" t="s">
        <v>2008</v>
      </c>
    </row>
    <row r="387" spans="1:7" x14ac:dyDescent="0.2">
      <c r="A387" t="s">
        <v>2009</v>
      </c>
      <c r="B387" t="s">
        <v>2010</v>
      </c>
      <c r="C387" t="s">
        <v>2011</v>
      </c>
      <c r="D387" t="s">
        <v>2012</v>
      </c>
      <c r="E387" t="s">
        <v>17</v>
      </c>
      <c r="F387" t="s">
        <v>98</v>
      </c>
      <c r="G387" t="s">
        <v>2013</v>
      </c>
    </row>
    <row r="388" spans="1:7" x14ac:dyDescent="0.2">
      <c r="A388" t="s">
        <v>2014</v>
      </c>
      <c r="B388" t="s">
        <v>2015</v>
      </c>
      <c r="C388" t="s">
        <v>2016</v>
      </c>
      <c r="D388" t="s">
        <v>2017</v>
      </c>
      <c r="E388" t="s">
        <v>17</v>
      </c>
      <c r="F388" t="s">
        <v>98</v>
      </c>
      <c r="G388" t="s">
        <v>2018</v>
      </c>
    </row>
    <row r="389" spans="1:7" x14ac:dyDescent="0.2">
      <c r="A389" t="s">
        <v>2019</v>
      </c>
      <c r="B389" t="s">
        <v>2020</v>
      </c>
      <c r="C389" t="s">
        <v>2021</v>
      </c>
      <c r="D389" t="s">
        <v>2022</v>
      </c>
      <c r="E389" t="s">
        <v>17</v>
      </c>
      <c r="F389" t="s">
        <v>2023</v>
      </c>
      <c r="G389" t="s">
        <v>2024</v>
      </c>
    </row>
    <row r="390" spans="1:7" x14ac:dyDescent="0.2">
      <c r="A390" t="s">
        <v>2025</v>
      </c>
      <c r="B390" t="s">
        <v>2026</v>
      </c>
      <c r="C390" t="s">
        <v>2027</v>
      </c>
      <c r="D390" t="s">
        <v>2028</v>
      </c>
      <c r="E390" t="s">
        <v>17</v>
      </c>
      <c r="F390" t="s">
        <v>2029</v>
      </c>
      <c r="G390" t="s">
        <v>2030</v>
      </c>
    </row>
    <row r="391" spans="1:7" x14ac:dyDescent="0.2">
      <c r="A391" t="s">
        <v>2031</v>
      </c>
      <c r="B391" t="s">
        <v>2032</v>
      </c>
      <c r="C391" t="s">
        <v>2033</v>
      </c>
      <c r="D391" t="s">
        <v>2034</v>
      </c>
      <c r="E391" t="s">
        <v>17</v>
      </c>
      <c r="F391" t="s">
        <v>2035</v>
      </c>
      <c r="G391" t="s">
        <v>2036</v>
      </c>
    </row>
    <row r="392" spans="1:7" x14ac:dyDescent="0.2">
      <c r="A392" t="s">
        <v>2037</v>
      </c>
      <c r="B392" t="s">
        <v>2038</v>
      </c>
      <c r="C392" t="s">
        <v>2039</v>
      </c>
      <c r="D392" t="s">
        <v>2040</v>
      </c>
      <c r="E392" t="s">
        <v>17</v>
      </c>
      <c r="F392" t="s">
        <v>98</v>
      </c>
      <c r="G392" t="s">
        <v>2041</v>
      </c>
    </row>
    <row r="393" spans="1:7" x14ac:dyDescent="0.2">
      <c r="A393" t="s">
        <v>2042</v>
      </c>
      <c r="B393" t="s">
        <v>2043</v>
      </c>
      <c r="C393" t="s">
        <v>2044</v>
      </c>
      <c r="D393" t="s">
        <v>2045</v>
      </c>
      <c r="E393" t="s">
        <v>11</v>
      </c>
      <c r="G393" t="s">
        <v>2046</v>
      </c>
    </row>
    <row r="394" spans="1:7" x14ac:dyDescent="0.2">
      <c r="A394" t="s">
        <v>2047</v>
      </c>
      <c r="B394" t="s">
        <v>2048</v>
      </c>
      <c r="C394" t="s">
        <v>2049</v>
      </c>
      <c r="D394" t="s">
        <v>2050</v>
      </c>
      <c r="E394" t="s">
        <v>11</v>
      </c>
      <c r="G394" t="s">
        <v>2051</v>
      </c>
    </row>
    <row r="395" spans="1:7" x14ac:dyDescent="0.2">
      <c r="A395" t="s">
        <v>2052</v>
      </c>
      <c r="B395" t="s">
        <v>2053</v>
      </c>
      <c r="C395" t="s">
        <v>2054</v>
      </c>
      <c r="D395" t="s">
        <v>2055</v>
      </c>
      <c r="E395" t="s">
        <v>17</v>
      </c>
      <c r="F395" t="s">
        <v>2056</v>
      </c>
      <c r="G395" t="s">
        <v>2057</v>
      </c>
    </row>
    <row r="396" spans="1:7" x14ac:dyDescent="0.2">
      <c r="A396" t="s">
        <v>2058</v>
      </c>
      <c r="B396" t="s">
        <v>2059</v>
      </c>
      <c r="C396" t="s">
        <v>2060</v>
      </c>
      <c r="D396" t="s">
        <v>2061</v>
      </c>
      <c r="E396" t="s">
        <v>11</v>
      </c>
      <c r="G396" t="s">
        <v>2062</v>
      </c>
    </row>
    <row r="397" spans="1:7" x14ac:dyDescent="0.2">
      <c r="A397" t="s">
        <v>2063</v>
      </c>
      <c r="B397" t="s">
        <v>2064</v>
      </c>
      <c r="C397" t="s">
        <v>2065</v>
      </c>
      <c r="D397" t="s">
        <v>2066</v>
      </c>
      <c r="E397" t="s">
        <v>11</v>
      </c>
      <c r="G397" t="s">
        <v>2067</v>
      </c>
    </row>
    <row r="398" spans="1:7" x14ac:dyDescent="0.2">
      <c r="A398" t="s">
        <v>2068</v>
      </c>
      <c r="B398" t="s">
        <v>2069</v>
      </c>
      <c r="C398" t="s">
        <v>2070</v>
      </c>
      <c r="D398" t="s">
        <v>2071</v>
      </c>
      <c r="E398" t="s">
        <v>11</v>
      </c>
      <c r="G398" t="s">
        <v>2072</v>
      </c>
    </row>
    <row r="399" spans="1:7" x14ac:dyDescent="0.2">
      <c r="A399" t="s">
        <v>2073</v>
      </c>
      <c r="B399" t="s">
        <v>2074</v>
      </c>
      <c r="C399" t="s">
        <v>2075</v>
      </c>
      <c r="D399" t="s">
        <v>2076</v>
      </c>
      <c r="E399" t="s">
        <v>11</v>
      </c>
      <c r="G399" t="s">
        <v>2077</v>
      </c>
    </row>
    <row r="400" spans="1:7" x14ac:dyDescent="0.2">
      <c r="A400" t="s">
        <v>2078</v>
      </c>
      <c r="B400" t="s">
        <v>2079</v>
      </c>
      <c r="C400" t="s">
        <v>2080</v>
      </c>
      <c r="D400" t="s">
        <v>2081</v>
      </c>
      <c r="E400" t="s">
        <v>11</v>
      </c>
      <c r="G400" t="s">
        <v>2082</v>
      </c>
    </row>
    <row r="401" spans="1:7" x14ac:dyDescent="0.2">
      <c r="A401" t="s">
        <v>2083</v>
      </c>
      <c r="B401" t="s">
        <v>2084</v>
      </c>
      <c r="C401" t="s">
        <v>2085</v>
      </c>
      <c r="D401" t="s">
        <v>2086</v>
      </c>
      <c r="E401" t="s">
        <v>11</v>
      </c>
      <c r="G401" t="s">
        <v>2087</v>
      </c>
    </row>
    <row r="402" spans="1:7" x14ac:dyDescent="0.2">
      <c r="A402" t="s">
        <v>2088</v>
      </c>
      <c r="B402" t="s">
        <v>2089</v>
      </c>
      <c r="C402" t="s">
        <v>2090</v>
      </c>
      <c r="D402" t="s">
        <v>2091</v>
      </c>
      <c r="E402" t="s">
        <v>17</v>
      </c>
      <c r="F402" t="s">
        <v>70</v>
      </c>
      <c r="G402" t="s">
        <v>2092</v>
      </c>
    </row>
    <row r="403" spans="1:7" x14ac:dyDescent="0.2">
      <c r="A403" t="s">
        <v>2093</v>
      </c>
      <c r="B403" t="s">
        <v>2094</v>
      </c>
      <c r="C403" t="s">
        <v>2095</v>
      </c>
      <c r="D403" t="s">
        <v>2096</v>
      </c>
      <c r="E403" t="s">
        <v>11</v>
      </c>
      <c r="G403" t="s">
        <v>2097</v>
      </c>
    </row>
    <row r="404" spans="1:7" x14ac:dyDescent="0.2">
      <c r="A404" t="s">
        <v>2098</v>
      </c>
      <c r="B404" t="s">
        <v>2099</v>
      </c>
      <c r="C404" t="s">
        <v>2100</v>
      </c>
      <c r="D404" t="s">
        <v>2101</v>
      </c>
      <c r="E404" t="s">
        <v>11</v>
      </c>
      <c r="G404" t="s">
        <v>2102</v>
      </c>
    </row>
    <row r="405" spans="1:7" x14ac:dyDescent="0.2">
      <c r="A405" t="s">
        <v>2103</v>
      </c>
      <c r="B405" t="s">
        <v>2104</v>
      </c>
      <c r="C405" t="s">
        <v>2105</v>
      </c>
      <c r="D405" t="s">
        <v>2106</v>
      </c>
      <c r="E405" t="s">
        <v>11</v>
      </c>
      <c r="G405" t="s">
        <v>2107</v>
      </c>
    </row>
    <row r="406" spans="1:7" x14ac:dyDescent="0.2">
      <c r="A406" t="s">
        <v>2108</v>
      </c>
      <c r="B406" t="s">
        <v>2109</v>
      </c>
      <c r="C406" t="s">
        <v>2110</v>
      </c>
      <c r="D406" t="s">
        <v>2111</v>
      </c>
      <c r="E406" t="s">
        <v>11</v>
      </c>
      <c r="G406" t="s">
        <v>2112</v>
      </c>
    </row>
    <row r="407" spans="1:7" x14ac:dyDescent="0.2">
      <c r="A407" t="s">
        <v>2113</v>
      </c>
      <c r="B407" t="s">
        <v>2114</v>
      </c>
      <c r="C407" t="s">
        <v>2115</v>
      </c>
      <c r="D407" t="s">
        <v>2116</v>
      </c>
      <c r="E407" t="s">
        <v>17</v>
      </c>
      <c r="F407" t="s">
        <v>310</v>
      </c>
      <c r="G407" t="s">
        <v>2117</v>
      </c>
    </row>
    <row r="408" spans="1:7" x14ac:dyDescent="0.2">
      <c r="A408" t="s">
        <v>2118</v>
      </c>
      <c r="B408" t="s">
        <v>2119</v>
      </c>
      <c r="C408" t="s">
        <v>2120</v>
      </c>
      <c r="D408" t="s">
        <v>2121</v>
      </c>
      <c r="E408" t="s">
        <v>17</v>
      </c>
      <c r="F408" t="s">
        <v>2122</v>
      </c>
      <c r="G408" t="s">
        <v>2123</v>
      </c>
    </row>
    <row r="409" spans="1:7" x14ac:dyDescent="0.2">
      <c r="A409" t="s">
        <v>2124</v>
      </c>
      <c r="B409" t="s">
        <v>2125</v>
      </c>
      <c r="C409" t="s">
        <v>2126</v>
      </c>
      <c r="D409" t="s">
        <v>2127</v>
      </c>
      <c r="E409" t="s">
        <v>17</v>
      </c>
      <c r="F409" t="s">
        <v>2128</v>
      </c>
      <c r="G409" t="s">
        <v>2129</v>
      </c>
    </row>
    <row r="410" spans="1:7" x14ac:dyDescent="0.2">
      <c r="A410" t="s">
        <v>2130</v>
      </c>
      <c r="B410" t="s">
        <v>2131</v>
      </c>
      <c r="C410" t="s">
        <v>2132</v>
      </c>
      <c r="D410" t="s">
        <v>2133</v>
      </c>
      <c r="E410" t="s">
        <v>11</v>
      </c>
      <c r="G410" t="s">
        <v>2134</v>
      </c>
    </row>
    <row r="411" spans="1:7" x14ac:dyDescent="0.2">
      <c r="A411" t="s">
        <v>2135</v>
      </c>
      <c r="B411" t="s">
        <v>2136</v>
      </c>
      <c r="C411" t="s">
        <v>2137</v>
      </c>
      <c r="D411" t="s">
        <v>2138</v>
      </c>
      <c r="E411" t="s">
        <v>11</v>
      </c>
      <c r="G411" t="s">
        <v>2139</v>
      </c>
    </row>
    <row r="412" spans="1:7" x14ac:dyDescent="0.2">
      <c r="A412" t="s">
        <v>2140</v>
      </c>
      <c r="B412" t="s">
        <v>2141</v>
      </c>
      <c r="C412" t="s">
        <v>2142</v>
      </c>
      <c r="D412" t="s">
        <v>2143</v>
      </c>
      <c r="E412" t="s">
        <v>11</v>
      </c>
      <c r="G412" t="s">
        <v>2144</v>
      </c>
    </row>
    <row r="413" spans="1:7" x14ac:dyDescent="0.2">
      <c r="A413" t="s">
        <v>2145</v>
      </c>
      <c r="B413" t="s">
        <v>2146</v>
      </c>
      <c r="C413" t="s">
        <v>2147</v>
      </c>
      <c r="D413" t="s">
        <v>2148</v>
      </c>
      <c r="E413" t="s">
        <v>11</v>
      </c>
      <c r="G413" t="s">
        <v>2149</v>
      </c>
    </row>
    <row r="414" spans="1:7" x14ac:dyDescent="0.2">
      <c r="A414" t="s">
        <v>2150</v>
      </c>
      <c r="B414" t="s">
        <v>2151</v>
      </c>
      <c r="C414" t="s">
        <v>2152</v>
      </c>
      <c r="D414" t="s">
        <v>2153</v>
      </c>
      <c r="E414" t="s">
        <v>11</v>
      </c>
      <c r="G414" t="s">
        <v>2154</v>
      </c>
    </row>
    <row r="415" spans="1:7" x14ac:dyDescent="0.2">
      <c r="A415" t="s">
        <v>2155</v>
      </c>
      <c r="B415" t="s">
        <v>2156</v>
      </c>
      <c r="C415" t="s">
        <v>2157</v>
      </c>
      <c r="D415" t="s">
        <v>2158</v>
      </c>
      <c r="E415" t="s">
        <v>17</v>
      </c>
      <c r="F415" t="s">
        <v>2159</v>
      </c>
      <c r="G415" t="s">
        <v>2160</v>
      </c>
    </row>
    <row r="416" spans="1:7" x14ac:dyDescent="0.2">
      <c r="A416" t="s">
        <v>2161</v>
      </c>
      <c r="B416" t="s">
        <v>2162</v>
      </c>
      <c r="C416" t="s">
        <v>2163</v>
      </c>
      <c r="D416" t="s">
        <v>2164</v>
      </c>
      <c r="E416" t="s">
        <v>17</v>
      </c>
      <c r="F416" t="s">
        <v>2159</v>
      </c>
      <c r="G416" t="s">
        <v>2165</v>
      </c>
    </row>
    <row r="417" spans="1:7" x14ac:dyDescent="0.2">
      <c r="A417" t="s">
        <v>2166</v>
      </c>
      <c r="B417" t="s">
        <v>2167</v>
      </c>
      <c r="C417" t="s">
        <v>2168</v>
      </c>
      <c r="D417" t="s">
        <v>2169</v>
      </c>
      <c r="E417" t="s">
        <v>17</v>
      </c>
      <c r="F417" t="s">
        <v>2159</v>
      </c>
      <c r="G417" t="s">
        <v>2170</v>
      </c>
    </row>
    <row r="418" spans="1:7" x14ac:dyDescent="0.2">
      <c r="A418" t="s">
        <v>2171</v>
      </c>
      <c r="B418" t="s">
        <v>2172</v>
      </c>
      <c r="C418" t="s">
        <v>2173</v>
      </c>
      <c r="D418" t="s">
        <v>2174</v>
      </c>
      <c r="E418" t="s">
        <v>17</v>
      </c>
      <c r="F418" t="s">
        <v>70</v>
      </c>
      <c r="G418" t="s">
        <v>2175</v>
      </c>
    </row>
    <row r="419" spans="1:7" x14ac:dyDescent="0.2">
      <c r="A419" t="s">
        <v>2176</v>
      </c>
      <c r="B419" t="s">
        <v>2177</v>
      </c>
      <c r="C419" t="s">
        <v>2178</v>
      </c>
      <c r="D419" t="s">
        <v>1374</v>
      </c>
      <c r="E419" t="s">
        <v>63</v>
      </c>
      <c r="F419" t="s">
        <v>2179</v>
      </c>
      <c r="G419" t="s">
        <v>2180</v>
      </c>
    </row>
    <row r="420" spans="1:7" x14ac:dyDescent="0.2">
      <c r="A420" t="s">
        <v>2181</v>
      </c>
      <c r="B420" t="s">
        <v>2182</v>
      </c>
      <c r="C420" t="s">
        <v>2183</v>
      </c>
      <c r="D420" t="s">
        <v>2184</v>
      </c>
      <c r="E420" t="s">
        <v>17</v>
      </c>
      <c r="F420" t="s">
        <v>70</v>
      </c>
      <c r="G420" t="s">
        <v>2185</v>
      </c>
    </row>
    <row r="421" spans="1:7" x14ac:dyDescent="0.2">
      <c r="A421" t="s">
        <v>2186</v>
      </c>
      <c r="B421" t="s">
        <v>2187</v>
      </c>
      <c r="C421" t="s">
        <v>2188</v>
      </c>
      <c r="D421" t="s">
        <v>2189</v>
      </c>
      <c r="E421" t="s">
        <v>11</v>
      </c>
      <c r="G421" t="s">
        <v>2190</v>
      </c>
    </row>
    <row r="422" spans="1:7" x14ac:dyDescent="0.2">
      <c r="A422" t="s">
        <v>2191</v>
      </c>
      <c r="B422" t="s">
        <v>2192</v>
      </c>
      <c r="C422" t="s">
        <v>2193</v>
      </c>
      <c r="D422" t="s">
        <v>2194</v>
      </c>
      <c r="E422" t="s">
        <v>17</v>
      </c>
      <c r="F422" t="s">
        <v>2195</v>
      </c>
      <c r="G422" t="s">
        <v>2196</v>
      </c>
    </row>
    <row r="423" spans="1:7" x14ac:dyDescent="0.2">
      <c r="A423" t="s">
        <v>2197</v>
      </c>
      <c r="B423" t="s">
        <v>2198</v>
      </c>
      <c r="C423" t="s">
        <v>2199</v>
      </c>
      <c r="D423" t="s">
        <v>2200</v>
      </c>
      <c r="E423" t="s">
        <v>11</v>
      </c>
      <c r="G423" t="s">
        <v>2201</v>
      </c>
    </row>
    <row r="424" spans="1:7" x14ac:dyDescent="0.2">
      <c r="A424" t="s">
        <v>2202</v>
      </c>
      <c r="B424" t="s">
        <v>2203</v>
      </c>
      <c r="C424" t="s">
        <v>2204</v>
      </c>
      <c r="D424" t="s">
        <v>2205</v>
      </c>
      <c r="E424" t="s">
        <v>11</v>
      </c>
      <c r="G424" t="s">
        <v>2206</v>
      </c>
    </row>
    <row r="425" spans="1:7" x14ac:dyDescent="0.2">
      <c r="A425" t="s">
        <v>2207</v>
      </c>
      <c r="B425" t="s">
        <v>2208</v>
      </c>
      <c r="C425" t="s">
        <v>2209</v>
      </c>
      <c r="D425" t="s">
        <v>2210</v>
      </c>
      <c r="E425" t="s">
        <v>11</v>
      </c>
      <c r="G425" t="s">
        <v>2211</v>
      </c>
    </row>
    <row r="426" spans="1:7" x14ac:dyDescent="0.2">
      <c r="A426" t="s">
        <v>2212</v>
      </c>
      <c r="B426" t="s">
        <v>2213</v>
      </c>
      <c r="C426" t="s">
        <v>2214</v>
      </c>
      <c r="D426" t="s">
        <v>2215</v>
      </c>
      <c r="E426" t="s">
        <v>11</v>
      </c>
      <c r="G426" t="s">
        <v>2216</v>
      </c>
    </row>
    <row r="427" spans="1:7" x14ac:dyDescent="0.2">
      <c r="A427" t="s">
        <v>2217</v>
      </c>
      <c r="B427" t="s">
        <v>2218</v>
      </c>
      <c r="C427" t="s">
        <v>2219</v>
      </c>
      <c r="D427" t="s">
        <v>2220</v>
      </c>
      <c r="E427" t="s">
        <v>287</v>
      </c>
      <c r="F427" t="s">
        <v>1628</v>
      </c>
      <c r="G427" t="s">
        <v>2221</v>
      </c>
    </row>
    <row r="428" spans="1:7" x14ac:dyDescent="0.2">
      <c r="A428" t="s">
        <v>2222</v>
      </c>
      <c r="B428" t="s">
        <v>2223</v>
      </c>
      <c r="C428" t="s">
        <v>2224</v>
      </c>
      <c r="D428" t="s">
        <v>2225</v>
      </c>
      <c r="E428" t="s">
        <v>11</v>
      </c>
      <c r="G428" t="s">
        <v>2226</v>
      </c>
    </row>
    <row r="429" spans="1:7" x14ac:dyDescent="0.2">
      <c r="A429" t="s">
        <v>2227</v>
      </c>
      <c r="B429" t="s">
        <v>2228</v>
      </c>
      <c r="C429" t="s">
        <v>2229</v>
      </c>
      <c r="D429" t="s">
        <v>2230</v>
      </c>
      <c r="E429" t="s">
        <v>11</v>
      </c>
      <c r="G429" t="s">
        <v>2231</v>
      </c>
    </row>
    <row r="430" spans="1:7" x14ac:dyDescent="0.2">
      <c r="A430" t="s">
        <v>2232</v>
      </c>
      <c r="B430" t="s">
        <v>2233</v>
      </c>
      <c r="C430" t="s">
        <v>2234</v>
      </c>
      <c r="D430" t="s">
        <v>2235</v>
      </c>
      <c r="E430" t="s">
        <v>11</v>
      </c>
      <c r="G430" t="s">
        <v>2236</v>
      </c>
    </row>
    <row r="431" spans="1:7" x14ac:dyDescent="0.2">
      <c r="A431" t="s">
        <v>2237</v>
      </c>
      <c r="B431" t="s">
        <v>2238</v>
      </c>
      <c r="C431" t="s">
        <v>2239</v>
      </c>
      <c r="D431" t="s">
        <v>2240</v>
      </c>
      <c r="E431" t="s">
        <v>11</v>
      </c>
      <c r="G431" t="s">
        <v>2241</v>
      </c>
    </row>
    <row r="432" spans="1:7" x14ac:dyDescent="0.2">
      <c r="A432" t="s">
        <v>2242</v>
      </c>
      <c r="B432" t="s">
        <v>2243</v>
      </c>
      <c r="C432" t="s">
        <v>2244</v>
      </c>
      <c r="D432" t="s">
        <v>2245</v>
      </c>
      <c r="E432" t="s">
        <v>11</v>
      </c>
      <c r="G432" t="s">
        <v>2246</v>
      </c>
    </row>
    <row r="433" spans="1:7" x14ac:dyDescent="0.2">
      <c r="A433" t="s">
        <v>2247</v>
      </c>
      <c r="B433" t="s">
        <v>2248</v>
      </c>
      <c r="C433" t="s">
        <v>2249</v>
      </c>
      <c r="D433" t="s">
        <v>2250</v>
      </c>
      <c r="E433" t="s">
        <v>11</v>
      </c>
      <c r="G433" t="s">
        <v>2251</v>
      </c>
    </row>
    <row r="434" spans="1:7" x14ac:dyDescent="0.2">
      <c r="A434" t="s">
        <v>2252</v>
      </c>
      <c r="B434" t="s">
        <v>2253</v>
      </c>
      <c r="C434" t="s">
        <v>2254</v>
      </c>
      <c r="D434" t="s">
        <v>2255</v>
      </c>
      <c r="E434" t="s">
        <v>11</v>
      </c>
      <c r="G434" t="s">
        <v>2256</v>
      </c>
    </row>
    <row r="435" spans="1:7" x14ac:dyDescent="0.2">
      <c r="A435" t="s">
        <v>2257</v>
      </c>
      <c r="B435" t="s">
        <v>2258</v>
      </c>
      <c r="C435" t="s">
        <v>2259</v>
      </c>
      <c r="D435" t="s">
        <v>2260</v>
      </c>
      <c r="E435" t="s">
        <v>11</v>
      </c>
      <c r="G435" t="s">
        <v>2261</v>
      </c>
    </row>
    <row r="436" spans="1:7" x14ac:dyDescent="0.2">
      <c r="A436" t="s">
        <v>2262</v>
      </c>
      <c r="B436" t="s">
        <v>2263</v>
      </c>
      <c r="C436" t="s">
        <v>2264</v>
      </c>
      <c r="D436" t="s">
        <v>2265</v>
      </c>
      <c r="E436" t="s">
        <v>11</v>
      </c>
      <c r="G436" t="s">
        <v>2266</v>
      </c>
    </row>
    <row r="437" spans="1:7" x14ac:dyDescent="0.2">
      <c r="A437" t="s">
        <v>2267</v>
      </c>
      <c r="B437" t="s">
        <v>2268</v>
      </c>
      <c r="C437" t="s">
        <v>2269</v>
      </c>
      <c r="D437" t="s">
        <v>2270</v>
      </c>
      <c r="E437" t="s">
        <v>11</v>
      </c>
      <c r="G437" t="s">
        <v>2271</v>
      </c>
    </row>
    <row r="438" spans="1:7" x14ac:dyDescent="0.2">
      <c r="A438" t="s">
        <v>2272</v>
      </c>
      <c r="B438" t="s">
        <v>2273</v>
      </c>
      <c r="C438" t="s">
        <v>2274</v>
      </c>
      <c r="D438" t="s">
        <v>2275</v>
      </c>
      <c r="E438" t="s">
        <v>11</v>
      </c>
      <c r="G438" t="s">
        <v>2276</v>
      </c>
    </row>
    <row r="439" spans="1:7" x14ac:dyDescent="0.2">
      <c r="A439" t="s">
        <v>2277</v>
      </c>
      <c r="B439" t="s">
        <v>2278</v>
      </c>
      <c r="C439" t="s">
        <v>2279</v>
      </c>
      <c r="D439" t="s">
        <v>2280</v>
      </c>
      <c r="E439" t="s">
        <v>11</v>
      </c>
      <c r="G439" t="s">
        <v>2281</v>
      </c>
    </row>
    <row r="440" spans="1:7" x14ac:dyDescent="0.2">
      <c r="A440" t="s">
        <v>2282</v>
      </c>
      <c r="B440" t="s">
        <v>2283</v>
      </c>
      <c r="C440" t="s">
        <v>2284</v>
      </c>
      <c r="D440" t="s">
        <v>2285</v>
      </c>
      <c r="E440" t="s">
        <v>11</v>
      </c>
      <c r="G440" t="s">
        <v>2286</v>
      </c>
    </row>
    <row r="441" spans="1:7" x14ac:dyDescent="0.2">
      <c r="A441" t="s">
        <v>2287</v>
      </c>
      <c r="B441" t="s">
        <v>2288</v>
      </c>
      <c r="C441" t="s">
        <v>2289</v>
      </c>
      <c r="D441" t="s">
        <v>2290</v>
      </c>
      <c r="E441" t="s">
        <v>11</v>
      </c>
      <c r="G441" t="s">
        <v>2291</v>
      </c>
    </row>
    <row r="442" spans="1:7" x14ac:dyDescent="0.2">
      <c r="A442" t="s">
        <v>2292</v>
      </c>
      <c r="B442" t="s">
        <v>2293</v>
      </c>
      <c r="C442" t="s">
        <v>2294</v>
      </c>
      <c r="D442" t="s">
        <v>2295</v>
      </c>
      <c r="E442" t="s">
        <v>287</v>
      </c>
      <c r="F442" t="s">
        <v>2296</v>
      </c>
      <c r="G442" t="s">
        <v>2297</v>
      </c>
    </row>
    <row r="443" spans="1:7" x14ac:dyDescent="0.2">
      <c r="A443" t="s">
        <v>2298</v>
      </c>
      <c r="B443" t="s">
        <v>2299</v>
      </c>
      <c r="C443" t="s">
        <v>2300</v>
      </c>
      <c r="D443" t="s">
        <v>2301</v>
      </c>
      <c r="E443" t="s">
        <v>11</v>
      </c>
      <c r="G443" t="s">
        <v>2302</v>
      </c>
    </row>
    <row r="444" spans="1:7" x14ac:dyDescent="0.2">
      <c r="A444" t="s">
        <v>2303</v>
      </c>
      <c r="B444" t="s">
        <v>2304</v>
      </c>
      <c r="C444" t="s">
        <v>2305</v>
      </c>
      <c r="D444" t="s">
        <v>2306</v>
      </c>
      <c r="E444" t="s">
        <v>11</v>
      </c>
      <c r="G444" t="s">
        <v>2307</v>
      </c>
    </row>
    <row r="445" spans="1:7" x14ac:dyDescent="0.2">
      <c r="A445" t="s">
        <v>2308</v>
      </c>
      <c r="B445" t="s">
        <v>2309</v>
      </c>
      <c r="C445" t="s">
        <v>2310</v>
      </c>
      <c r="D445" t="s">
        <v>2311</v>
      </c>
      <c r="E445" t="s">
        <v>11</v>
      </c>
      <c r="G445" t="s">
        <v>2312</v>
      </c>
    </row>
    <row r="446" spans="1:7" x14ac:dyDescent="0.2">
      <c r="A446" t="s">
        <v>2313</v>
      </c>
      <c r="B446" t="s">
        <v>2314</v>
      </c>
      <c r="C446" t="s">
        <v>2315</v>
      </c>
      <c r="D446" t="s">
        <v>2316</v>
      </c>
      <c r="E446" t="s">
        <v>11</v>
      </c>
      <c r="G446" t="s">
        <v>2317</v>
      </c>
    </row>
    <row r="447" spans="1:7" x14ac:dyDescent="0.2">
      <c r="A447" t="s">
        <v>2318</v>
      </c>
      <c r="B447" t="s">
        <v>2319</v>
      </c>
      <c r="C447" t="s">
        <v>2320</v>
      </c>
      <c r="D447" t="s">
        <v>2321</v>
      </c>
      <c r="E447" t="s">
        <v>11</v>
      </c>
      <c r="G447" t="s">
        <v>2322</v>
      </c>
    </row>
    <row r="448" spans="1:7" x14ac:dyDescent="0.2">
      <c r="A448" t="s">
        <v>2323</v>
      </c>
      <c r="B448" t="s">
        <v>2324</v>
      </c>
      <c r="C448" t="s">
        <v>2325</v>
      </c>
      <c r="D448" t="s">
        <v>2326</v>
      </c>
      <c r="E448" t="s">
        <v>11</v>
      </c>
      <c r="G448" t="s">
        <v>2327</v>
      </c>
    </row>
    <row r="449" spans="1:7" x14ac:dyDescent="0.2">
      <c r="A449" t="s">
        <v>2328</v>
      </c>
      <c r="B449" t="s">
        <v>2329</v>
      </c>
      <c r="C449" t="s">
        <v>2330</v>
      </c>
      <c r="D449" t="s">
        <v>2331</v>
      </c>
      <c r="E449" t="s">
        <v>17</v>
      </c>
      <c r="F449" t="s">
        <v>70</v>
      </c>
      <c r="G449" t="s">
        <v>2332</v>
      </c>
    </row>
    <row r="450" spans="1:7" x14ac:dyDescent="0.2">
      <c r="A450" t="s">
        <v>2333</v>
      </c>
      <c r="B450" t="s">
        <v>2334</v>
      </c>
      <c r="C450" t="s">
        <v>2335</v>
      </c>
      <c r="D450" t="s">
        <v>2336</v>
      </c>
      <c r="E450" t="s">
        <v>11</v>
      </c>
      <c r="G450" t="s">
        <v>2337</v>
      </c>
    </row>
    <row r="451" spans="1:7" x14ac:dyDescent="0.2">
      <c r="A451" t="s">
        <v>2338</v>
      </c>
      <c r="B451" t="s">
        <v>2339</v>
      </c>
      <c r="C451" t="s">
        <v>2340</v>
      </c>
      <c r="D451" t="s">
        <v>2341</v>
      </c>
      <c r="E451" t="s">
        <v>11</v>
      </c>
      <c r="G451" t="s">
        <v>2342</v>
      </c>
    </row>
    <row r="452" spans="1:7" x14ac:dyDescent="0.2">
      <c r="A452" t="s">
        <v>2343</v>
      </c>
      <c r="B452" t="s">
        <v>2344</v>
      </c>
      <c r="C452" t="s">
        <v>2345</v>
      </c>
      <c r="D452" t="s">
        <v>2346</v>
      </c>
      <c r="E452" t="s">
        <v>11</v>
      </c>
      <c r="G452" t="s">
        <v>2347</v>
      </c>
    </row>
    <row r="453" spans="1:7" x14ac:dyDescent="0.2">
      <c r="A453" t="s">
        <v>2348</v>
      </c>
      <c r="B453" t="s">
        <v>2349</v>
      </c>
      <c r="C453" t="s">
        <v>2350</v>
      </c>
      <c r="D453" t="s">
        <v>2351</v>
      </c>
      <c r="E453" t="s">
        <v>11</v>
      </c>
      <c r="G453" t="s">
        <v>2352</v>
      </c>
    </row>
    <row r="454" spans="1:7" x14ac:dyDescent="0.2">
      <c r="A454" t="s">
        <v>2353</v>
      </c>
      <c r="B454" t="s">
        <v>2354</v>
      </c>
      <c r="C454" t="s">
        <v>2355</v>
      </c>
      <c r="D454" t="s">
        <v>2356</v>
      </c>
      <c r="E454" t="s">
        <v>11</v>
      </c>
      <c r="G454" t="s">
        <v>2357</v>
      </c>
    </row>
    <row r="455" spans="1:7" x14ac:dyDescent="0.2">
      <c r="A455" t="s">
        <v>2358</v>
      </c>
      <c r="B455" t="s">
        <v>2359</v>
      </c>
      <c r="C455" t="s">
        <v>2360</v>
      </c>
      <c r="D455" t="s">
        <v>2361</v>
      </c>
      <c r="E455" t="s">
        <v>17</v>
      </c>
      <c r="F455" t="s">
        <v>2362</v>
      </c>
      <c r="G455" t="s">
        <v>2363</v>
      </c>
    </row>
    <row r="456" spans="1:7" x14ac:dyDescent="0.2">
      <c r="A456" t="s">
        <v>2364</v>
      </c>
      <c r="B456" t="s">
        <v>2365</v>
      </c>
      <c r="C456" t="s">
        <v>2366</v>
      </c>
      <c r="D456" t="s">
        <v>2367</v>
      </c>
      <c r="E456" t="s">
        <v>11</v>
      </c>
      <c r="G456" t="s">
        <v>2368</v>
      </c>
    </row>
    <row r="457" spans="1:7" x14ac:dyDescent="0.2">
      <c r="A457" t="s">
        <v>2369</v>
      </c>
      <c r="B457" t="s">
        <v>2370</v>
      </c>
      <c r="C457" t="s">
        <v>2371</v>
      </c>
      <c r="D457" t="s">
        <v>2372</v>
      </c>
      <c r="E457" t="s">
        <v>17</v>
      </c>
      <c r="F457" t="s">
        <v>2373</v>
      </c>
      <c r="G457" t="s">
        <v>2374</v>
      </c>
    </row>
    <row r="458" spans="1:7" x14ac:dyDescent="0.2">
      <c r="A458" t="s">
        <v>2375</v>
      </c>
      <c r="B458" t="s">
        <v>2376</v>
      </c>
      <c r="C458" t="s">
        <v>2377</v>
      </c>
      <c r="D458" t="s">
        <v>2378</v>
      </c>
      <c r="E458" t="s">
        <v>11</v>
      </c>
      <c r="G458" t="s">
        <v>2379</v>
      </c>
    </row>
    <row r="459" spans="1:7" x14ac:dyDescent="0.2">
      <c r="A459" t="s">
        <v>2380</v>
      </c>
      <c r="B459" t="s">
        <v>2381</v>
      </c>
      <c r="C459" t="s">
        <v>2382</v>
      </c>
      <c r="D459" t="s">
        <v>2383</v>
      </c>
      <c r="E459" t="s">
        <v>17</v>
      </c>
      <c r="F459" t="s">
        <v>2384</v>
      </c>
      <c r="G459" t="s">
        <v>2385</v>
      </c>
    </row>
    <row r="460" spans="1:7" x14ac:dyDescent="0.2">
      <c r="A460" t="s">
        <v>2386</v>
      </c>
      <c r="B460" t="s">
        <v>2387</v>
      </c>
      <c r="C460" t="s">
        <v>2388</v>
      </c>
      <c r="D460" t="s">
        <v>2389</v>
      </c>
      <c r="E460" t="s">
        <v>11</v>
      </c>
      <c r="G460" t="s">
        <v>2390</v>
      </c>
    </row>
    <row r="461" spans="1:7" x14ac:dyDescent="0.2">
      <c r="A461" t="s">
        <v>2391</v>
      </c>
      <c r="B461" t="s">
        <v>2392</v>
      </c>
      <c r="C461" t="s">
        <v>2393</v>
      </c>
      <c r="D461" t="s">
        <v>2394</v>
      </c>
      <c r="E461" t="s">
        <v>11</v>
      </c>
      <c r="G461" t="s">
        <v>2395</v>
      </c>
    </row>
    <row r="462" spans="1:7" x14ac:dyDescent="0.2">
      <c r="A462" t="s">
        <v>2396</v>
      </c>
      <c r="B462" t="s">
        <v>2397</v>
      </c>
      <c r="C462" t="s">
        <v>2398</v>
      </c>
      <c r="D462" t="s">
        <v>2399</v>
      </c>
      <c r="E462" t="s">
        <v>11</v>
      </c>
      <c r="G462" t="s">
        <v>2400</v>
      </c>
    </row>
    <row r="463" spans="1:7" x14ac:dyDescent="0.2">
      <c r="A463" t="s">
        <v>2401</v>
      </c>
      <c r="B463" t="s">
        <v>2402</v>
      </c>
      <c r="C463" t="s">
        <v>2403</v>
      </c>
      <c r="D463" t="s">
        <v>2404</v>
      </c>
      <c r="E463" t="s">
        <v>11</v>
      </c>
      <c r="G463" t="s">
        <v>2405</v>
      </c>
    </row>
    <row r="464" spans="1:7" x14ac:dyDescent="0.2">
      <c r="A464" t="s">
        <v>2406</v>
      </c>
      <c r="B464" t="s">
        <v>2407</v>
      </c>
      <c r="C464" t="s">
        <v>2408</v>
      </c>
      <c r="D464" t="s">
        <v>2409</v>
      </c>
      <c r="E464" t="s">
        <v>17</v>
      </c>
      <c r="F464" t="s">
        <v>2410</v>
      </c>
      <c r="G464" t="s">
        <v>2411</v>
      </c>
    </row>
    <row r="465" spans="1:7" x14ac:dyDescent="0.2">
      <c r="A465" t="s">
        <v>2412</v>
      </c>
      <c r="B465" t="s">
        <v>2413</v>
      </c>
      <c r="C465" t="s">
        <v>2414</v>
      </c>
      <c r="D465" t="s">
        <v>2415</v>
      </c>
      <c r="E465" t="s">
        <v>287</v>
      </c>
      <c r="F465" t="s">
        <v>2416</v>
      </c>
      <c r="G465" t="s">
        <v>2417</v>
      </c>
    </row>
    <row r="466" spans="1:7" x14ac:dyDescent="0.2">
      <c r="A466" t="s">
        <v>2418</v>
      </c>
      <c r="B466" t="s">
        <v>2419</v>
      </c>
      <c r="C466" t="s">
        <v>2420</v>
      </c>
      <c r="D466" t="s">
        <v>2421</v>
      </c>
      <c r="E466" t="s">
        <v>17</v>
      </c>
      <c r="F466" t="s">
        <v>18</v>
      </c>
      <c r="G466" t="s">
        <v>2422</v>
      </c>
    </row>
    <row r="467" spans="1:7" x14ac:dyDescent="0.2">
      <c r="A467" t="s">
        <v>2423</v>
      </c>
      <c r="B467" t="s">
        <v>2424</v>
      </c>
      <c r="C467" t="s">
        <v>2425</v>
      </c>
      <c r="D467" t="s">
        <v>2426</v>
      </c>
      <c r="E467" t="s">
        <v>11</v>
      </c>
      <c r="G467" t="s">
        <v>2427</v>
      </c>
    </row>
    <row r="468" spans="1:7" x14ac:dyDescent="0.2">
      <c r="A468" t="s">
        <v>2428</v>
      </c>
      <c r="B468" t="s">
        <v>2429</v>
      </c>
      <c r="C468" t="s">
        <v>2430</v>
      </c>
      <c r="D468" t="s">
        <v>2431</v>
      </c>
      <c r="E468" t="s">
        <v>11</v>
      </c>
      <c r="G468" t="s">
        <v>2432</v>
      </c>
    </row>
    <row r="469" spans="1:7" x14ac:dyDescent="0.2">
      <c r="A469" t="s">
        <v>2433</v>
      </c>
      <c r="B469" t="s">
        <v>2434</v>
      </c>
      <c r="C469" t="s">
        <v>2435</v>
      </c>
      <c r="D469" t="s">
        <v>2436</v>
      </c>
      <c r="E469" t="s">
        <v>11</v>
      </c>
      <c r="G469" t="s">
        <v>2437</v>
      </c>
    </row>
    <row r="470" spans="1:7" x14ac:dyDescent="0.2">
      <c r="A470" t="s">
        <v>2438</v>
      </c>
      <c r="B470" t="s">
        <v>2439</v>
      </c>
      <c r="C470" t="s">
        <v>2440</v>
      </c>
      <c r="D470" t="s">
        <v>2441</v>
      </c>
      <c r="E470" t="s">
        <v>11</v>
      </c>
      <c r="G470" t="s">
        <v>2442</v>
      </c>
    </row>
    <row r="471" spans="1:7" x14ac:dyDescent="0.2">
      <c r="A471" t="s">
        <v>2443</v>
      </c>
      <c r="B471" t="s">
        <v>2444</v>
      </c>
      <c r="C471" t="s">
        <v>2445</v>
      </c>
      <c r="D471" t="s">
        <v>2446</v>
      </c>
      <c r="E471" t="s">
        <v>11</v>
      </c>
      <c r="G471" t="s">
        <v>2447</v>
      </c>
    </row>
    <row r="472" spans="1:7" x14ac:dyDescent="0.2">
      <c r="A472" t="s">
        <v>2448</v>
      </c>
      <c r="B472" t="s">
        <v>2449</v>
      </c>
      <c r="C472" t="s">
        <v>2450</v>
      </c>
      <c r="D472" t="s">
        <v>2451</v>
      </c>
      <c r="E472" t="s">
        <v>11</v>
      </c>
      <c r="G472" t="s">
        <v>2452</v>
      </c>
    </row>
    <row r="473" spans="1:7" x14ac:dyDescent="0.2">
      <c r="A473" t="s">
        <v>2453</v>
      </c>
      <c r="B473" t="s">
        <v>2454</v>
      </c>
      <c r="C473" t="s">
        <v>2455</v>
      </c>
      <c r="D473" t="s">
        <v>2456</v>
      </c>
      <c r="E473" t="s">
        <v>11</v>
      </c>
      <c r="G473" t="s">
        <v>2457</v>
      </c>
    </row>
    <row r="474" spans="1:7" x14ac:dyDescent="0.2">
      <c r="A474" t="s">
        <v>2458</v>
      </c>
      <c r="B474" t="s">
        <v>2459</v>
      </c>
      <c r="C474" t="s">
        <v>2460</v>
      </c>
      <c r="D474" t="s">
        <v>2461</v>
      </c>
      <c r="E474" t="s">
        <v>11</v>
      </c>
      <c r="G474" t="s">
        <v>2462</v>
      </c>
    </row>
    <row r="475" spans="1:7" x14ac:dyDescent="0.2">
      <c r="A475" t="s">
        <v>2463</v>
      </c>
      <c r="B475" t="s">
        <v>2464</v>
      </c>
      <c r="C475" t="s">
        <v>2465</v>
      </c>
      <c r="D475" t="s">
        <v>2466</v>
      </c>
      <c r="E475" t="s">
        <v>17</v>
      </c>
      <c r="F475" t="s">
        <v>2467</v>
      </c>
      <c r="G475" t="s">
        <v>2468</v>
      </c>
    </row>
    <row r="476" spans="1:7" x14ac:dyDescent="0.2">
      <c r="A476" t="s">
        <v>2469</v>
      </c>
      <c r="B476" t="s">
        <v>2470</v>
      </c>
      <c r="C476" t="s">
        <v>2471</v>
      </c>
      <c r="D476" t="s">
        <v>2472</v>
      </c>
      <c r="E476" t="s">
        <v>11</v>
      </c>
      <c r="G476" t="s">
        <v>2473</v>
      </c>
    </row>
    <row r="477" spans="1:7" x14ac:dyDescent="0.2">
      <c r="A477" t="s">
        <v>2474</v>
      </c>
      <c r="B477" t="s">
        <v>2475</v>
      </c>
      <c r="C477" t="s">
        <v>2476</v>
      </c>
      <c r="D477" t="s">
        <v>2477</v>
      </c>
      <c r="E477" t="s">
        <v>11</v>
      </c>
      <c r="G477" t="s">
        <v>2478</v>
      </c>
    </row>
    <row r="478" spans="1:7" x14ac:dyDescent="0.2">
      <c r="A478" t="s">
        <v>2479</v>
      </c>
      <c r="B478" t="s">
        <v>2480</v>
      </c>
      <c r="C478" t="s">
        <v>2481</v>
      </c>
      <c r="D478" t="s">
        <v>2482</v>
      </c>
      <c r="E478" t="s">
        <v>11</v>
      </c>
      <c r="G478" t="s">
        <v>2483</v>
      </c>
    </row>
    <row r="479" spans="1:7" x14ac:dyDescent="0.2">
      <c r="A479" t="s">
        <v>2484</v>
      </c>
      <c r="B479" t="s">
        <v>2485</v>
      </c>
      <c r="C479" t="s">
        <v>2486</v>
      </c>
      <c r="D479" t="s">
        <v>2487</v>
      </c>
      <c r="E479" t="s">
        <v>11</v>
      </c>
      <c r="G479" t="s">
        <v>2488</v>
      </c>
    </row>
    <row r="480" spans="1:7" x14ac:dyDescent="0.2">
      <c r="A480" t="s">
        <v>2489</v>
      </c>
      <c r="B480" t="s">
        <v>2490</v>
      </c>
      <c r="C480" t="s">
        <v>2491</v>
      </c>
      <c r="D480" t="s">
        <v>2492</v>
      </c>
      <c r="E480" t="s">
        <v>11</v>
      </c>
      <c r="G480" t="s">
        <v>2493</v>
      </c>
    </row>
    <row r="481" spans="1:7" x14ac:dyDescent="0.2">
      <c r="A481" t="s">
        <v>2494</v>
      </c>
      <c r="B481" t="s">
        <v>2495</v>
      </c>
      <c r="C481" t="s">
        <v>2496</v>
      </c>
      <c r="D481" t="s">
        <v>2497</v>
      </c>
      <c r="E481" t="s">
        <v>11</v>
      </c>
      <c r="G481" t="s">
        <v>2498</v>
      </c>
    </row>
    <row r="482" spans="1:7" x14ac:dyDescent="0.2">
      <c r="A482" t="s">
        <v>2499</v>
      </c>
      <c r="B482" t="s">
        <v>2500</v>
      </c>
      <c r="C482" t="s">
        <v>2501</v>
      </c>
      <c r="D482" t="s">
        <v>2502</v>
      </c>
      <c r="E482" t="s">
        <v>11</v>
      </c>
      <c r="G482" t="s">
        <v>2503</v>
      </c>
    </row>
    <row r="483" spans="1:7" x14ac:dyDescent="0.2">
      <c r="A483" t="s">
        <v>2504</v>
      </c>
      <c r="B483" t="s">
        <v>2505</v>
      </c>
      <c r="C483" t="s">
        <v>2506</v>
      </c>
      <c r="D483" t="s">
        <v>2507</v>
      </c>
      <c r="E483" t="s">
        <v>11</v>
      </c>
      <c r="G483" t="s">
        <v>2508</v>
      </c>
    </row>
    <row r="484" spans="1:7" x14ac:dyDescent="0.2">
      <c r="A484" t="s">
        <v>2509</v>
      </c>
      <c r="B484" t="s">
        <v>2510</v>
      </c>
      <c r="C484" t="s">
        <v>2511</v>
      </c>
      <c r="D484" t="s">
        <v>2512</v>
      </c>
      <c r="E484" t="s">
        <v>287</v>
      </c>
      <c r="F484" t="s">
        <v>288</v>
      </c>
      <c r="G484" t="s">
        <v>2513</v>
      </c>
    </row>
    <row r="485" spans="1:7" x14ac:dyDescent="0.2">
      <c r="A485" t="s">
        <v>2514</v>
      </c>
      <c r="B485" t="s">
        <v>2515</v>
      </c>
      <c r="C485" t="s">
        <v>2516</v>
      </c>
      <c r="D485" t="s">
        <v>2517</v>
      </c>
      <c r="E485" t="s">
        <v>11</v>
      </c>
      <c r="G485" t="s">
        <v>2518</v>
      </c>
    </row>
    <row r="486" spans="1:7" x14ac:dyDescent="0.2">
      <c r="A486" t="s">
        <v>2519</v>
      </c>
      <c r="B486" t="s">
        <v>2520</v>
      </c>
      <c r="C486" t="s">
        <v>2521</v>
      </c>
      <c r="D486" t="s">
        <v>2522</v>
      </c>
      <c r="E486" t="s">
        <v>17</v>
      </c>
      <c r="F486" t="s">
        <v>70</v>
      </c>
      <c r="G486" t="s">
        <v>2523</v>
      </c>
    </row>
    <row r="487" spans="1:7" x14ac:dyDescent="0.2">
      <c r="A487" t="s">
        <v>2524</v>
      </c>
      <c r="B487" t="s">
        <v>2525</v>
      </c>
      <c r="C487" t="s">
        <v>2526</v>
      </c>
      <c r="D487" t="s">
        <v>2527</v>
      </c>
      <c r="E487" t="s">
        <v>17</v>
      </c>
      <c r="F487" t="s">
        <v>70</v>
      </c>
      <c r="G487" t="s">
        <v>2528</v>
      </c>
    </row>
    <row r="488" spans="1:7" x14ac:dyDescent="0.2">
      <c r="A488" t="s">
        <v>2529</v>
      </c>
      <c r="B488" t="s">
        <v>2530</v>
      </c>
      <c r="C488" t="s">
        <v>2531</v>
      </c>
      <c r="D488" t="s">
        <v>2532</v>
      </c>
      <c r="E488" t="s">
        <v>11</v>
      </c>
      <c r="G488" t="s">
        <v>2533</v>
      </c>
    </row>
    <row r="489" spans="1:7" x14ac:dyDescent="0.2">
      <c r="A489" t="s">
        <v>2534</v>
      </c>
      <c r="B489" t="s">
        <v>2535</v>
      </c>
      <c r="C489" t="s">
        <v>2536</v>
      </c>
      <c r="D489" t="s">
        <v>2537</v>
      </c>
      <c r="E489" t="s">
        <v>17</v>
      </c>
      <c r="F489" t="s">
        <v>70</v>
      </c>
      <c r="G489" t="s">
        <v>2538</v>
      </c>
    </row>
    <row r="490" spans="1:7" x14ac:dyDescent="0.2">
      <c r="A490" t="s">
        <v>2539</v>
      </c>
      <c r="B490" t="s">
        <v>2540</v>
      </c>
      <c r="C490" t="s">
        <v>2541</v>
      </c>
      <c r="D490" t="s">
        <v>2542</v>
      </c>
      <c r="E490" t="s">
        <v>11</v>
      </c>
      <c r="G490" t="s">
        <v>2543</v>
      </c>
    </row>
    <row r="491" spans="1:7" x14ac:dyDescent="0.2">
      <c r="A491" t="s">
        <v>2544</v>
      </c>
      <c r="B491" t="s">
        <v>2545</v>
      </c>
      <c r="C491" t="s">
        <v>2546</v>
      </c>
      <c r="D491" t="s">
        <v>2547</v>
      </c>
      <c r="E491" t="s">
        <v>17</v>
      </c>
      <c r="F491" t="s">
        <v>1044</v>
      </c>
      <c r="G491" t="s">
        <v>2548</v>
      </c>
    </row>
    <row r="492" spans="1:7" x14ac:dyDescent="0.2">
      <c r="A492" t="s">
        <v>2549</v>
      </c>
      <c r="B492" t="s">
        <v>2550</v>
      </c>
      <c r="C492" t="s">
        <v>2551</v>
      </c>
      <c r="D492" t="s">
        <v>2552</v>
      </c>
      <c r="E492" t="s">
        <v>11</v>
      </c>
      <c r="G492" t="s">
        <v>2553</v>
      </c>
    </row>
    <row r="493" spans="1:7" x14ac:dyDescent="0.2">
      <c r="A493" t="s">
        <v>2554</v>
      </c>
      <c r="B493" t="s">
        <v>2555</v>
      </c>
      <c r="C493" t="s">
        <v>2556</v>
      </c>
      <c r="D493" t="s">
        <v>2557</v>
      </c>
      <c r="E493" t="s">
        <v>17</v>
      </c>
      <c r="F493" t="s">
        <v>2558</v>
      </c>
      <c r="G493" t="s">
        <v>2559</v>
      </c>
    </row>
    <row r="494" spans="1:7" x14ac:dyDescent="0.2">
      <c r="A494" t="s">
        <v>2560</v>
      </c>
      <c r="B494" t="s">
        <v>2561</v>
      </c>
      <c r="C494" t="s">
        <v>2562</v>
      </c>
      <c r="D494" t="s">
        <v>2563</v>
      </c>
      <c r="E494" t="s">
        <v>11</v>
      </c>
      <c r="G494" t="s">
        <v>2564</v>
      </c>
    </row>
    <row r="495" spans="1:7" x14ac:dyDescent="0.2">
      <c r="A495" t="s">
        <v>2565</v>
      </c>
      <c r="B495" t="s">
        <v>2566</v>
      </c>
      <c r="C495" t="s">
        <v>2567</v>
      </c>
      <c r="D495" t="s">
        <v>2568</v>
      </c>
      <c r="E495" t="s">
        <v>17</v>
      </c>
      <c r="F495" t="s">
        <v>2558</v>
      </c>
      <c r="G495" t="s">
        <v>2569</v>
      </c>
    </row>
    <row r="496" spans="1:7" x14ac:dyDescent="0.2">
      <c r="A496" t="s">
        <v>2570</v>
      </c>
      <c r="B496" t="s">
        <v>2571</v>
      </c>
      <c r="C496" t="s">
        <v>2572</v>
      </c>
      <c r="D496" t="s">
        <v>2573</v>
      </c>
      <c r="E496" t="s">
        <v>17</v>
      </c>
      <c r="F496" t="s">
        <v>70</v>
      </c>
      <c r="G496" t="s">
        <v>2574</v>
      </c>
    </row>
    <row r="497" spans="1:7" x14ac:dyDescent="0.2">
      <c r="A497" t="s">
        <v>2575</v>
      </c>
      <c r="B497" t="s">
        <v>2576</v>
      </c>
      <c r="C497" t="s">
        <v>2577</v>
      </c>
      <c r="D497" t="s">
        <v>2578</v>
      </c>
      <c r="E497" t="s">
        <v>17</v>
      </c>
      <c r="F497" t="s">
        <v>2579</v>
      </c>
      <c r="G497" t="s">
        <v>2580</v>
      </c>
    </row>
    <row r="498" spans="1:7" x14ac:dyDescent="0.2">
      <c r="A498" t="s">
        <v>2581</v>
      </c>
      <c r="B498" t="s">
        <v>2582</v>
      </c>
      <c r="C498" t="s">
        <v>2583</v>
      </c>
      <c r="D498" t="s">
        <v>2584</v>
      </c>
      <c r="E498" t="s">
        <v>17</v>
      </c>
      <c r="F498" t="s">
        <v>70</v>
      </c>
      <c r="G498" t="s">
        <v>2585</v>
      </c>
    </row>
    <row r="499" spans="1:7" x14ac:dyDescent="0.2">
      <c r="A499" t="s">
        <v>2586</v>
      </c>
      <c r="B499" t="s">
        <v>2587</v>
      </c>
      <c r="C499" t="s">
        <v>2588</v>
      </c>
      <c r="D499" t="s">
        <v>2589</v>
      </c>
      <c r="E499" t="s">
        <v>17</v>
      </c>
      <c r="F499" t="s">
        <v>45</v>
      </c>
      <c r="G499" t="s">
        <v>2590</v>
      </c>
    </row>
    <row r="500" spans="1:7" x14ac:dyDescent="0.2">
      <c r="A500" t="s">
        <v>2591</v>
      </c>
      <c r="B500" t="s">
        <v>2592</v>
      </c>
      <c r="C500" t="s">
        <v>2593</v>
      </c>
      <c r="D500" t="s">
        <v>2594</v>
      </c>
      <c r="E500" t="s">
        <v>17</v>
      </c>
      <c r="F500" t="s">
        <v>1044</v>
      </c>
      <c r="G500" t="s">
        <v>2595</v>
      </c>
    </row>
    <row r="501" spans="1:7" x14ac:dyDescent="0.2">
      <c r="A501" t="s">
        <v>2596</v>
      </c>
      <c r="B501" t="s">
        <v>2597</v>
      </c>
      <c r="C501" t="s">
        <v>2598</v>
      </c>
      <c r="D501" t="s">
        <v>2599</v>
      </c>
      <c r="E501" t="s">
        <v>11</v>
      </c>
      <c r="G501" t="s">
        <v>2600</v>
      </c>
    </row>
    <row r="502" spans="1:7" x14ac:dyDescent="0.2">
      <c r="A502" t="s">
        <v>2601</v>
      </c>
      <c r="B502" t="s">
        <v>2602</v>
      </c>
      <c r="C502" t="s">
        <v>2603</v>
      </c>
      <c r="D502" t="s">
        <v>2604</v>
      </c>
      <c r="E502" t="s">
        <v>17</v>
      </c>
      <c r="F502" t="s">
        <v>1044</v>
      </c>
      <c r="G502" t="s">
        <v>2605</v>
      </c>
    </row>
    <row r="503" spans="1:7" x14ac:dyDescent="0.2">
      <c r="A503" t="s">
        <v>2606</v>
      </c>
      <c r="B503" t="s">
        <v>2607</v>
      </c>
      <c r="C503" t="s">
        <v>2608</v>
      </c>
      <c r="D503" t="s">
        <v>2609</v>
      </c>
      <c r="E503" t="s">
        <v>11</v>
      </c>
      <c r="G503" t="s">
        <v>2610</v>
      </c>
    </row>
    <row r="504" spans="1:7" x14ac:dyDescent="0.2">
      <c r="A504" t="s">
        <v>2611</v>
      </c>
      <c r="B504" t="s">
        <v>2612</v>
      </c>
      <c r="C504" t="s">
        <v>2613</v>
      </c>
      <c r="D504" t="s">
        <v>2614</v>
      </c>
      <c r="E504" t="s">
        <v>17</v>
      </c>
      <c r="F504" t="s">
        <v>1044</v>
      </c>
      <c r="G504" t="s">
        <v>2615</v>
      </c>
    </row>
    <row r="505" spans="1:7" x14ac:dyDescent="0.2">
      <c r="A505" t="s">
        <v>2616</v>
      </c>
      <c r="B505" t="s">
        <v>2617</v>
      </c>
      <c r="C505" t="s">
        <v>2618</v>
      </c>
      <c r="D505" t="s">
        <v>2619</v>
      </c>
      <c r="E505" t="s">
        <v>11</v>
      </c>
      <c r="G505" t="s">
        <v>2620</v>
      </c>
    </row>
    <row r="506" spans="1:7" x14ac:dyDescent="0.2">
      <c r="A506" t="s">
        <v>2621</v>
      </c>
      <c r="B506" t="s">
        <v>2622</v>
      </c>
      <c r="C506" t="s">
        <v>2623</v>
      </c>
      <c r="D506" t="s">
        <v>2624</v>
      </c>
      <c r="E506" t="s">
        <v>11</v>
      </c>
      <c r="G506" t="s">
        <v>2625</v>
      </c>
    </row>
    <row r="507" spans="1:7" x14ac:dyDescent="0.2">
      <c r="A507" t="s">
        <v>2626</v>
      </c>
      <c r="B507" t="s">
        <v>2627</v>
      </c>
      <c r="C507" t="s">
        <v>2628</v>
      </c>
      <c r="D507" t="s">
        <v>2629</v>
      </c>
      <c r="E507" t="s">
        <v>63</v>
      </c>
      <c r="F507" t="s">
        <v>2630</v>
      </c>
      <c r="G507" t="s">
        <v>2631</v>
      </c>
    </row>
    <row r="508" spans="1:7" x14ac:dyDescent="0.2">
      <c r="A508" t="s">
        <v>2632</v>
      </c>
      <c r="B508" t="s">
        <v>2633</v>
      </c>
      <c r="C508" t="s">
        <v>2634</v>
      </c>
      <c r="D508" t="s">
        <v>2629</v>
      </c>
      <c r="E508" t="s">
        <v>11</v>
      </c>
      <c r="F508" t="s">
        <v>2635</v>
      </c>
      <c r="G508" t="s">
        <v>2636</v>
      </c>
    </row>
    <row r="509" spans="1:7" x14ac:dyDescent="0.2">
      <c r="A509" t="s">
        <v>2637</v>
      </c>
      <c r="B509" t="s">
        <v>2638</v>
      </c>
      <c r="C509" t="s">
        <v>2639</v>
      </c>
      <c r="D509" t="s">
        <v>2640</v>
      </c>
      <c r="E509" t="s">
        <v>11</v>
      </c>
      <c r="G509" t="s">
        <v>2641</v>
      </c>
    </row>
    <row r="510" spans="1:7" x14ac:dyDescent="0.2">
      <c r="A510" t="s">
        <v>2642</v>
      </c>
      <c r="B510" t="s">
        <v>2643</v>
      </c>
      <c r="C510" t="s">
        <v>2644</v>
      </c>
      <c r="D510" t="s">
        <v>2645</v>
      </c>
      <c r="E510" t="s">
        <v>287</v>
      </c>
      <c r="F510" t="s">
        <v>288</v>
      </c>
      <c r="G510" t="s">
        <v>2646</v>
      </c>
    </row>
    <row r="511" spans="1:7" x14ac:dyDescent="0.2">
      <c r="A511" t="s">
        <v>2647</v>
      </c>
      <c r="B511" t="s">
        <v>2648</v>
      </c>
      <c r="C511" t="s">
        <v>2649</v>
      </c>
      <c r="D511" t="s">
        <v>2650</v>
      </c>
      <c r="E511" t="s">
        <v>11</v>
      </c>
      <c r="G511" t="s">
        <v>2651</v>
      </c>
    </row>
    <row r="512" spans="1:7" x14ac:dyDescent="0.2">
      <c r="A512" t="s">
        <v>2652</v>
      </c>
      <c r="B512" t="s">
        <v>2653</v>
      </c>
      <c r="C512" t="s">
        <v>2654</v>
      </c>
      <c r="D512" t="s">
        <v>2655</v>
      </c>
      <c r="E512" t="s">
        <v>11</v>
      </c>
      <c r="G512" t="s">
        <v>2656</v>
      </c>
    </row>
    <row r="513" spans="1:7" x14ac:dyDescent="0.2">
      <c r="A513" t="s">
        <v>2657</v>
      </c>
      <c r="B513" t="s">
        <v>2658</v>
      </c>
      <c r="C513" t="s">
        <v>2659</v>
      </c>
      <c r="D513" t="s">
        <v>2660</v>
      </c>
      <c r="E513" t="s">
        <v>11</v>
      </c>
      <c r="G513" t="s">
        <v>2661</v>
      </c>
    </row>
    <row r="514" spans="1:7" x14ac:dyDescent="0.2">
      <c r="A514" t="s">
        <v>2662</v>
      </c>
      <c r="B514" t="s">
        <v>2663</v>
      </c>
      <c r="C514" t="s">
        <v>2664</v>
      </c>
      <c r="D514" t="s">
        <v>2665</v>
      </c>
      <c r="E514" t="s">
        <v>11</v>
      </c>
      <c r="G514" t="s">
        <v>2666</v>
      </c>
    </row>
    <row r="515" spans="1:7" x14ac:dyDescent="0.2">
      <c r="A515" t="s">
        <v>2667</v>
      </c>
      <c r="B515" t="s">
        <v>2668</v>
      </c>
      <c r="C515" t="s">
        <v>2669</v>
      </c>
      <c r="D515" t="s">
        <v>2670</v>
      </c>
      <c r="E515" t="s">
        <v>17</v>
      </c>
      <c r="F515" t="s">
        <v>45</v>
      </c>
      <c r="G515" t="s">
        <v>2671</v>
      </c>
    </row>
    <row r="516" spans="1:7" x14ac:dyDescent="0.2">
      <c r="A516" t="s">
        <v>2672</v>
      </c>
      <c r="B516" t="s">
        <v>2673</v>
      </c>
      <c r="C516" t="s">
        <v>2674</v>
      </c>
      <c r="D516" t="s">
        <v>2675</v>
      </c>
      <c r="E516" t="s">
        <v>11</v>
      </c>
      <c r="G516" t="s">
        <v>2676</v>
      </c>
    </row>
    <row r="517" spans="1:7" x14ac:dyDescent="0.2">
      <c r="A517" t="s">
        <v>2677</v>
      </c>
      <c r="B517" t="s">
        <v>2678</v>
      </c>
      <c r="C517" t="s">
        <v>2679</v>
      </c>
      <c r="D517" t="s">
        <v>2680</v>
      </c>
      <c r="E517" t="s">
        <v>11</v>
      </c>
      <c r="G517" t="s">
        <v>2681</v>
      </c>
    </row>
    <row r="518" spans="1:7" x14ac:dyDescent="0.2">
      <c r="A518" t="s">
        <v>2682</v>
      </c>
      <c r="B518" t="s">
        <v>2683</v>
      </c>
      <c r="C518" t="s">
        <v>2684</v>
      </c>
      <c r="D518" t="s">
        <v>2685</v>
      </c>
      <c r="E518" t="s">
        <v>11</v>
      </c>
      <c r="G518" t="s">
        <v>2686</v>
      </c>
    </row>
    <row r="519" spans="1:7" x14ac:dyDescent="0.2">
      <c r="A519" t="s">
        <v>2687</v>
      </c>
      <c r="B519" t="s">
        <v>2688</v>
      </c>
      <c r="C519" t="s">
        <v>2689</v>
      </c>
      <c r="D519" t="s">
        <v>2690</v>
      </c>
      <c r="E519" t="s">
        <v>11</v>
      </c>
      <c r="G519" t="s">
        <v>2691</v>
      </c>
    </row>
    <row r="520" spans="1:7" x14ac:dyDescent="0.2">
      <c r="A520" t="s">
        <v>2692</v>
      </c>
      <c r="B520" t="s">
        <v>2693</v>
      </c>
      <c r="C520" t="s">
        <v>2694</v>
      </c>
      <c r="D520" t="s">
        <v>2695</v>
      </c>
      <c r="E520" t="s">
        <v>11</v>
      </c>
      <c r="G520" t="s">
        <v>2696</v>
      </c>
    </row>
    <row r="521" spans="1:7" x14ac:dyDescent="0.2">
      <c r="A521" t="s">
        <v>2697</v>
      </c>
      <c r="B521" t="s">
        <v>2698</v>
      </c>
      <c r="C521" t="s">
        <v>2699</v>
      </c>
      <c r="D521" t="s">
        <v>2700</v>
      </c>
      <c r="E521" t="s">
        <v>11</v>
      </c>
      <c r="G521" t="s">
        <v>2701</v>
      </c>
    </row>
    <row r="522" spans="1:7" x14ac:dyDescent="0.2">
      <c r="A522" t="s">
        <v>2702</v>
      </c>
      <c r="B522" t="s">
        <v>2703</v>
      </c>
      <c r="C522" t="s">
        <v>2704</v>
      </c>
      <c r="D522" t="s">
        <v>2705</v>
      </c>
      <c r="E522" t="s">
        <v>11</v>
      </c>
      <c r="G522" t="s">
        <v>2706</v>
      </c>
    </row>
    <row r="523" spans="1:7" x14ac:dyDescent="0.2">
      <c r="A523" t="s">
        <v>2707</v>
      </c>
      <c r="B523" t="s">
        <v>2708</v>
      </c>
      <c r="C523" t="s">
        <v>2709</v>
      </c>
      <c r="D523" t="s">
        <v>2710</v>
      </c>
      <c r="E523" t="s">
        <v>287</v>
      </c>
      <c r="F523" t="s">
        <v>1076</v>
      </c>
      <c r="G523" t="s">
        <v>2711</v>
      </c>
    </row>
    <row r="524" spans="1:7" x14ac:dyDescent="0.2">
      <c r="A524" t="s">
        <v>2712</v>
      </c>
      <c r="B524" t="s">
        <v>2713</v>
      </c>
      <c r="C524" t="s">
        <v>2714</v>
      </c>
      <c r="D524" t="s">
        <v>2715</v>
      </c>
      <c r="E524" t="s">
        <v>11</v>
      </c>
      <c r="G524" t="s">
        <v>2716</v>
      </c>
    </row>
    <row r="525" spans="1:7" x14ac:dyDescent="0.2">
      <c r="A525" t="s">
        <v>2717</v>
      </c>
      <c r="B525" t="s">
        <v>2718</v>
      </c>
      <c r="C525" t="s">
        <v>2719</v>
      </c>
      <c r="D525" t="s">
        <v>2720</v>
      </c>
      <c r="E525" t="s">
        <v>11</v>
      </c>
      <c r="G525" t="s">
        <v>2721</v>
      </c>
    </row>
    <row r="526" spans="1:7" x14ac:dyDescent="0.2">
      <c r="A526" t="s">
        <v>2722</v>
      </c>
      <c r="B526" t="s">
        <v>2723</v>
      </c>
      <c r="C526" t="s">
        <v>2724</v>
      </c>
      <c r="D526" t="s">
        <v>2725</v>
      </c>
      <c r="E526" t="s">
        <v>11</v>
      </c>
      <c r="G526" t="s">
        <v>2726</v>
      </c>
    </row>
    <row r="527" spans="1:7" x14ac:dyDescent="0.2">
      <c r="A527" t="s">
        <v>2727</v>
      </c>
      <c r="B527" t="s">
        <v>2728</v>
      </c>
      <c r="C527" t="s">
        <v>2729</v>
      </c>
      <c r="D527" t="s">
        <v>2730</v>
      </c>
      <c r="E527" t="s">
        <v>17</v>
      </c>
      <c r="F527" t="s">
        <v>70</v>
      </c>
      <c r="G527" t="s">
        <v>2731</v>
      </c>
    </row>
    <row r="528" spans="1:7" x14ac:dyDescent="0.2">
      <c r="A528" t="s">
        <v>2732</v>
      </c>
      <c r="B528" t="s">
        <v>2733</v>
      </c>
      <c r="C528" t="s">
        <v>2734</v>
      </c>
      <c r="D528" t="s">
        <v>2735</v>
      </c>
      <c r="E528" t="s">
        <v>17</v>
      </c>
      <c r="F528" t="s">
        <v>70</v>
      </c>
      <c r="G528" t="s">
        <v>2736</v>
      </c>
    </row>
    <row r="529" spans="1:7" x14ac:dyDescent="0.2">
      <c r="A529" t="s">
        <v>2737</v>
      </c>
      <c r="B529" t="s">
        <v>2738</v>
      </c>
      <c r="C529" t="s">
        <v>2739</v>
      </c>
      <c r="D529" t="s">
        <v>2740</v>
      </c>
      <c r="E529" t="s">
        <v>11</v>
      </c>
      <c r="G529" t="s">
        <v>2741</v>
      </c>
    </row>
    <row r="530" spans="1:7" x14ac:dyDescent="0.2">
      <c r="A530" t="s">
        <v>2742</v>
      </c>
      <c r="B530" t="s">
        <v>2743</v>
      </c>
      <c r="C530" t="s">
        <v>2744</v>
      </c>
      <c r="D530" t="s">
        <v>2745</v>
      </c>
      <c r="E530" t="s">
        <v>11</v>
      </c>
      <c r="G530" t="s">
        <v>2746</v>
      </c>
    </row>
    <row r="531" spans="1:7" x14ac:dyDescent="0.2">
      <c r="A531" t="s">
        <v>2747</v>
      </c>
      <c r="B531" t="s">
        <v>2748</v>
      </c>
      <c r="C531" t="s">
        <v>2749</v>
      </c>
      <c r="D531" t="s">
        <v>2750</v>
      </c>
      <c r="E531" t="s">
        <v>17</v>
      </c>
      <c r="F531" t="s">
        <v>98</v>
      </c>
      <c r="G531" t="s">
        <v>2751</v>
      </c>
    </row>
    <row r="532" spans="1:7" x14ac:dyDescent="0.2">
      <c r="A532" t="s">
        <v>2752</v>
      </c>
      <c r="B532" t="s">
        <v>2753</v>
      </c>
      <c r="C532" t="s">
        <v>2754</v>
      </c>
      <c r="D532" t="s">
        <v>2755</v>
      </c>
      <c r="E532" t="s">
        <v>11</v>
      </c>
      <c r="G532" t="s">
        <v>2756</v>
      </c>
    </row>
    <row r="533" spans="1:7" x14ac:dyDescent="0.2">
      <c r="A533" t="s">
        <v>2757</v>
      </c>
      <c r="B533" t="s">
        <v>2758</v>
      </c>
      <c r="C533" t="s">
        <v>2759</v>
      </c>
      <c r="D533" t="s">
        <v>2760</v>
      </c>
      <c r="E533" t="s">
        <v>11</v>
      </c>
      <c r="G533" t="s">
        <v>2761</v>
      </c>
    </row>
    <row r="534" spans="1:7" x14ac:dyDescent="0.2">
      <c r="A534" t="s">
        <v>2762</v>
      </c>
      <c r="B534" t="s">
        <v>2763</v>
      </c>
      <c r="C534" t="s">
        <v>2764</v>
      </c>
      <c r="D534" t="s">
        <v>2765</v>
      </c>
      <c r="E534" t="s">
        <v>17</v>
      </c>
      <c r="F534" t="s">
        <v>70</v>
      </c>
      <c r="G534" t="s">
        <v>2766</v>
      </c>
    </row>
    <row r="535" spans="1:7" x14ac:dyDescent="0.2">
      <c r="A535" t="s">
        <v>2767</v>
      </c>
      <c r="B535" t="s">
        <v>2768</v>
      </c>
      <c r="C535" t="s">
        <v>2769</v>
      </c>
      <c r="D535" t="s">
        <v>2770</v>
      </c>
      <c r="E535" t="s">
        <v>11</v>
      </c>
      <c r="G535" t="s">
        <v>2771</v>
      </c>
    </row>
    <row r="536" spans="1:7" x14ac:dyDescent="0.2">
      <c r="A536" t="s">
        <v>2772</v>
      </c>
      <c r="B536" t="s">
        <v>2773</v>
      </c>
      <c r="C536" t="s">
        <v>2774</v>
      </c>
      <c r="D536" t="s">
        <v>2775</v>
      </c>
      <c r="E536" t="s">
        <v>11</v>
      </c>
      <c r="G536" t="s">
        <v>2776</v>
      </c>
    </row>
    <row r="537" spans="1:7" x14ac:dyDescent="0.2">
      <c r="A537" t="s">
        <v>2777</v>
      </c>
      <c r="B537" t="s">
        <v>2778</v>
      </c>
      <c r="C537" t="s">
        <v>2779</v>
      </c>
      <c r="D537" t="s">
        <v>2780</v>
      </c>
      <c r="E537" t="s">
        <v>11</v>
      </c>
      <c r="G537" t="s">
        <v>2781</v>
      </c>
    </row>
    <row r="538" spans="1:7" x14ac:dyDescent="0.2">
      <c r="A538" t="s">
        <v>2782</v>
      </c>
      <c r="B538" t="s">
        <v>2783</v>
      </c>
      <c r="C538" t="s">
        <v>2784</v>
      </c>
      <c r="D538" t="s">
        <v>2785</v>
      </c>
      <c r="E538" t="s">
        <v>17</v>
      </c>
      <c r="F538" t="s">
        <v>2786</v>
      </c>
      <c r="G538" t="s">
        <v>2787</v>
      </c>
    </row>
    <row r="539" spans="1:7" x14ac:dyDescent="0.2">
      <c r="A539" t="s">
        <v>2788</v>
      </c>
      <c r="B539" t="s">
        <v>2789</v>
      </c>
      <c r="C539" t="s">
        <v>2790</v>
      </c>
      <c r="D539" t="s">
        <v>2791</v>
      </c>
      <c r="E539" t="s">
        <v>11</v>
      </c>
      <c r="G539" t="s">
        <v>2792</v>
      </c>
    </row>
    <row r="540" spans="1:7" x14ac:dyDescent="0.2">
      <c r="A540" t="s">
        <v>2793</v>
      </c>
      <c r="B540" t="s">
        <v>2794</v>
      </c>
      <c r="C540" t="s">
        <v>2795</v>
      </c>
      <c r="D540" t="s">
        <v>2796</v>
      </c>
      <c r="E540" t="s">
        <v>17</v>
      </c>
      <c r="F540" t="s">
        <v>2797</v>
      </c>
      <c r="G540" t="s">
        <v>2798</v>
      </c>
    </row>
    <row r="541" spans="1:7" x14ac:dyDescent="0.2">
      <c r="A541" t="s">
        <v>2799</v>
      </c>
      <c r="B541" t="s">
        <v>2800</v>
      </c>
      <c r="C541" t="s">
        <v>2801</v>
      </c>
      <c r="D541" t="s">
        <v>2802</v>
      </c>
      <c r="E541" t="s">
        <v>17</v>
      </c>
      <c r="F541" t="s">
        <v>2803</v>
      </c>
      <c r="G541" t="s">
        <v>2804</v>
      </c>
    </row>
    <row r="542" spans="1:7" x14ac:dyDescent="0.2">
      <c r="A542" t="s">
        <v>2805</v>
      </c>
      <c r="B542" t="s">
        <v>2806</v>
      </c>
      <c r="C542" t="s">
        <v>2807</v>
      </c>
      <c r="D542" t="s">
        <v>2808</v>
      </c>
      <c r="E542" t="s">
        <v>11</v>
      </c>
      <c r="G542" t="s">
        <v>2809</v>
      </c>
    </row>
    <row r="543" spans="1:7" x14ac:dyDescent="0.2">
      <c r="A543" t="s">
        <v>2810</v>
      </c>
      <c r="B543" t="s">
        <v>2811</v>
      </c>
      <c r="C543" t="s">
        <v>2812</v>
      </c>
      <c r="D543" t="s">
        <v>2813</v>
      </c>
      <c r="E543" t="s">
        <v>11</v>
      </c>
      <c r="G543" t="s">
        <v>2814</v>
      </c>
    </row>
    <row r="544" spans="1:7" x14ac:dyDescent="0.2">
      <c r="A544" t="s">
        <v>2815</v>
      </c>
      <c r="B544" t="s">
        <v>2816</v>
      </c>
      <c r="C544" t="s">
        <v>2817</v>
      </c>
      <c r="D544" t="s">
        <v>2818</v>
      </c>
      <c r="E544" t="s">
        <v>11</v>
      </c>
      <c r="G544" t="s">
        <v>2819</v>
      </c>
    </row>
    <row r="545" spans="1:7" x14ac:dyDescent="0.2">
      <c r="A545" t="s">
        <v>2820</v>
      </c>
      <c r="B545" t="s">
        <v>2821</v>
      </c>
      <c r="C545" t="s">
        <v>2822</v>
      </c>
      <c r="D545" t="s">
        <v>2823</v>
      </c>
      <c r="E545" t="s">
        <v>11</v>
      </c>
      <c r="G545" t="s">
        <v>2824</v>
      </c>
    </row>
    <row r="546" spans="1:7" x14ac:dyDescent="0.2">
      <c r="A546" t="s">
        <v>2825</v>
      </c>
      <c r="B546" t="s">
        <v>2826</v>
      </c>
      <c r="C546" t="s">
        <v>2827</v>
      </c>
      <c r="D546" t="s">
        <v>2802</v>
      </c>
      <c r="E546" t="s">
        <v>17</v>
      </c>
      <c r="F546" t="s">
        <v>2828</v>
      </c>
      <c r="G546" t="s">
        <v>2829</v>
      </c>
    </row>
    <row r="547" spans="1:7" x14ac:dyDescent="0.2">
      <c r="A547" t="s">
        <v>2830</v>
      </c>
      <c r="B547" t="s">
        <v>2831</v>
      </c>
      <c r="C547" t="s">
        <v>2832</v>
      </c>
      <c r="D547" t="s">
        <v>2833</v>
      </c>
      <c r="E547" t="s">
        <v>11</v>
      </c>
      <c r="G547" t="s">
        <v>2834</v>
      </c>
    </row>
    <row r="548" spans="1:7" x14ac:dyDescent="0.2">
      <c r="A548" t="s">
        <v>2835</v>
      </c>
      <c r="B548" t="s">
        <v>2836</v>
      </c>
      <c r="C548" t="s">
        <v>2837</v>
      </c>
      <c r="D548" t="s">
        <v>2838</v>
      </c>
      <c r="E548" t="s">
        <v>11</v>
      </c>
      <c r="F548" t="s">
        <v>2839</v>
      </c>
      <c r="G548" t="s">
        <v>2840</v>
      </c>
    </row>
    <row r="549" spans="1:7" x14ac:dyDescent="0.2">
      <c r="A549" t="s">
        <v>2841</v>
      </c>
      <c r="B549" t="s">
        <v>2842</v>
      </c>
      <c r="C549" t="s">
        <v>2843</v>
      </c>
      <c r="D549" t="s">
        <v>2844</v>
      </c>
      <c r="E549" t="s">
        <v>11</v>
      </c>
      <c r="G549" t="s">
        <v>2845</v>
      </c>
    </row>
    <row r="550" spans="1:7" x14ac:dyDescent="0.2">
      <c r="A550" t="s">
        <v>2846</v>
      </c>
      <c r="B550" t="s">
        <v>2847</v>
      </c>
      <c r="C550" t="s">
        <v>2848</v>
      </c>
      <c r="D550" t="s">
        <v>2849</v>
      </c>
      <c r="E550" t="s">
        <v>11</v>
      </c>
      <c r="G550" t="s">
        <v>2850</v>
      </c>
    </row>
    <row r="551" spans="1:7" x14ac:dyDescent="0.2">
      <c r="A551" t="s">
        <v>2851</v>
      </c>
      <c r="B551" t="s">
        <v>2852</v>
      </c>
      <c r="C551" t="s">
        <v>2853</v>
      </c>
      <c r="D551" t="s">
        <v>2854</v>
      </c>
      <c r="E551" t="s">
        <v>11</v>
      </c>
      <c r="G551" t="s">
        <v>2855</v>
      </c>
    </row>
    <row r="552" spans="1:7" x14ac:dyDescent="0.2">
      <c r="A552" t="s">
        <v>2856</v>
      </c>
      <c r="B552" t="s">
        <v>2857</v>
      </c>
      <c r="C552" t="s">
        <v>2858</v>
      </c>
      <c r="D552" t="s">
        <v>2859</v>
      </c>
      <c r="E552" t="s">
        <v>11</v>
      </c>
      <c r="G552" t="s">
        <v>2860</v>
      </c>
    </row>
    <row r="553" spans="1:7" x14ac:dyDescent="0.2">
      <c r="A553" t="s">
        <v>2861</v>
      </c>
      <c r="B553" t="s">
        <v>2862</v>
      </c>
      <c r="C553" t="s">
        <v>2863</v>
      </c>
      <c r="D553" t="s">
        <v>2864</v>
      </c>
      <c r="E553" t="s">
        <v>11</v>
      </c>
      <c r="G553" t="s">
        <v>2865</v>
      </c>
    </row>
    <row r="554" spans="1:7" x14ac:dyDescent="0.2">
      <c r="A554" t="s">
        <v>2866</v>
      </c>
      <c r="B554" t="s">
        <v>2867</v>
      </c>
      <c r="C554" t="s">
        <v>2868</v>
      </c>
      <c r="D554" t="s">
        <v>2869</v>
      </c>
      <c r="E554" t="s">
        <v>11</v>
      </c>
      <c r="G554" t="s">
        <v>2870</v>
      </c>
    </row>
    <row r="555" spans="1:7" x14ac:dyDescent="0.2">
      <c r="A555" t="s">
        <v>2871</v>
      </c>
      <c r="B555" t="s">
        <v>2872</v>
      </c>
      <c r="C555" t="s">
        <v>2873</v>
      </c>
      <c r="D555" t="s">
        <v>2874</v>
      </c>
      <c r="E555" t="s">
        <v>11</v>
      </c>
      <c r="G555" t="s">
        <v>2875</v>
      </c>
    </row>
    <row r="556" spans="1:7" x14ac:dyDescent="0.2">
      <c r="A556" t="s">
        <v>2876</v>
      </c>
      <c r="B556" t="s">
        <v>2877</v>
      </c>
      <c r="C556" t="s">
        <v>2878</v>
      </c>
      <c r="D556" t="s">
        <v>2879</v>
      </c>
      <c r="E556" t="s">
        <v>17</v>
      </c>
      <c r="F556" t="s">
        <v>18</v>
      </c>
      <c r="G556" t="s">
        <v>2880</v>
      </c>
    </row>
    <row r="557" spans="1:7" x14ac:dyDescent="0.2">
      <c r="A557" t="s">
        <v>2881</v>
      </c>
      <c r="B557" t="s">
        <v>2882</v>
      </c>
      <c r="C557" t="s">
        <v>2883</v>
      </c>
      <c r="D557" t="s">
        <v>2884</v>
      </c>
      <c r="E557" t="s">
        <v>17</v>
      </c>
      <c r="F557" t="s">
        <v>70</v>
      </c>
      <c r="G557" t="s">
        <v>2885</v>
      </c>
    </row>
    <row r="558" spans="1:7" x14ac:dyDescent="0.2">
      <c r="A558" t="s">
        <v>2886</v>
      </c>
      <c r="B558" t="s">
        <v>2887</v>
      </c>
      <c r="C558" t="s">
        <v>2888</v>
      </c>
      <c r="D558" t="s">
        <v>2889</v>
      </c>
      <c r="E558" t="s">
        <v>17</v>
      </c>
      <c r="F558" t="s">
        <v>70</v>
      </c>
      <c r="G558" t="s">
        <v>2890</v>
      </c>
    </row>
    <row r="559" spans="1:7" x14ac:dyDescent="0.2">
      <c r="A559" t="s">
        <v>2891</v>
      </c>
      <c r="B559" t="s">
        <v>2892</v>
      </c>
      <c r="C559" t="s">
        <v>2893</v>
      </c>
      <c r="D559" t="s">
        <v>2894</v>
      </c>
      <c r="E559" t="s">
        <v>17</v>
      </c>
      <c r="F559" t="s">
        <v>70</v>
      </c>
      <c r="G559" t="s">
        <v>2895</v>
      </c>
    </row>
    <row r="560" spans="1:7" x14ac:dyDescent="0.2">
      <c r="A560" t="s">
        <v>2896</v>
      </c>
      <c r="B560" t="s">
        <v>2897</v>
      </c>
      <c r="C560" t="s">
        <v>2898</v>
      </c>
      <c r="D560" t="s">
        <v>2899</v>
      </c>
      <c r="E560" t="s">
        <v>17</v>
      </c>
      <c r="F560" t="s">
        <v>70</v>
      </c>
      <c r="G560" t="s">
        <v>2900</v>
      </c>
    </row>
    <row r="561" spans="1:7" x14ac:dyDescent="0.2">
      <c r="A561" t="s">
        <v>2901</v>
      </c>
      <c r="B561" t="s">
        <v>2902</v>
      </c>
      <c r="C561" t="s">
        <v>2903</v>
      </c>
      <c r="D561" t="s">
        <v>2904</v>
      </c>
      <c r="E561" t="s">
        <v>17</v>
      </c>
      <c r="F561" t="s">
        <v>2905</v>
      </c>
      <c r="G561" t="s">
        <v>2906</v>
      </c>
    </row>
    <row r="562" spans="1:7" x14ac:dyDescent="0.2">
      <c r="A562" t="s">
        <v>2907</v>
      </c>
      <c r="B562" t="s">
        <v>2908</v>
      </c>
      <c r="C562" t="s">
        <v>2909</v>
      </c>
      <c r="D562" t="s">
        <v>2910</v>
      </c>
      <c r="E562" t="s">
        <v>11</v>
      </c>
      <c r="G562" t="s">
        <v>2911</v>
      </c>
    </row>
    <row r="563" spans="1:7" x14ac:dyDescent="0.2">
      <c r="A563" t="s">
        <v>2912</v>
      </c>
      <c r="B563" t="s">
        <v>2913</v>
      </c>
      <c r="C563" t="s">
        <v>2914</v>
      </c>
      <c r="D563" t="s">
        <v>2915</v>
      </c>
      <c r="E563" t="s">
        <v>11</v>
      </c>
      <c r="G563" t="s">
        <v>2916</v>
      </c>
    </row>
    <row r="564" spans="1:7" x14ac:dyDescent="0.2">
      <c r="A564" t="s">
        <v>2917</v>
      </c>
      <c r="B564" t="s">
        <v>2918</v>
      </c>
      <c r="C564" t="s">
        <v>2919</v>
      </c>
      <c r="D564" t="s">
        <v>2920</v>
      </c>
      <c r="E564" t="s">
        <v>11</v>
      </c>
      <c r="G564" t="s">
        <v>2921</v>
      </c>
    </row>
    <row r="565" spans="1:7" x14ac:dyDescent="0.2">
      <c r="A565" t="s">
        <v>2922</v>
      </c>
      <c r="B565" t="s">
        <v>2923</v>
      </c>
      <c r="C565" t="s">
        <v>2924</v>
      </c>
      <c r="D565" t="s">
        <v>2925</v>
      </c>
      <c r="E565" t="s">
        <v>11</v>
      </c>
      <c r="G565" t="s">
        <v>2926</v>
      </c>
    </row>
    <row r="566" spans="1:7" x14ac:dyDescent="0.2">
      <c r="A566" t="s">
        <v>2927</v>
      </c>
      <c r="B566" t="s">
        <v>2928</v>
      </c>
      <c r="C566" t="s">
        <v>2929</v>
      </c>
      <c r="D566" t="s">
        <v>2930</v>
      </c>
      <c r="E566" t="s">
        <v>17</v>
      </c>
      <c r="F566" t="s">
        <v>2931</v>
      </c>
      <c r="G566" t="s">
        <v>2932</v>
      </c>
    </row>
    <row r="567" spans="1:7" x14ac:dyDescent="0.2">
      <c r="A567" t="s">
        <v>2933</v>
      </c>
      <c r="B567" t="s">
        <v>2934</v>
      </c>
      <c r="C567" t="s">
        <v>2935</v>
      </c>
      <c r="D567" t="s">
        <v>2936</v>
      </c>
      <c r="E567" t="s">
        <v>11</v>
      </c>
      <c r="G567" t="s">
        <v>2937</v>
      </c>
    </row>
    <row r="568" spans="1:7" x14ac:dyDescent="0.2">
      <c r="A568" t="s">
        <v>2938</v>
      </c>
      <c r="B568" t="s">
        <v>2939</v>
      </c>
      <c r="C568" t="s">
        <v>2940</v>
      </c>
      <c r="D568" t="s">
        <v>2941</v>
      </c>
      <c r="E568" t="s">
        <v>17</v>
      </c>
      <c r="F568" t="s">
        <v>70</v>
      </c>
      <c r="G568" t="s">
        <v>2942</v>
      </c>
    </row>
    <row r="569" spans="1:7" x14ac:dyDescent="0.2">
      <c r="A569" t="s">
        <v>2943</v>
      </c>
      <c r="B569" t="s">
        <v>2944</v>
      </c>
      <c r="C569" t="s">
        <v>2945</v>
      </c>
      <c r="D569" t="s">
        <v>2946</v>
      </c>
      <c r="E569" t="s">
        <v>17</v>
      </c>
      <c r="F569" t="s">
        <v>70</v>
      </c>
      <c r="G569" t="s">
        <v>2947</v>
      </c>
    </row>
    <row r="570" spans="1:7" x14ac:dyDescent="0.2">
      <c r="A570" t="s">
        <v>2948</v>
      </c>
      <c r="B570" t="s">
        <v>2949</v>
      </c>
      <c r="C570" t="s">
        <v>2950</v>
      </c>
      <c r="D570" t="s">
        <v>2951</v>
      </c>
      <c r="E570" t="s">
        <v>17</v>
      </c>
      <c r="F570" t="s">
        <v>2952</v>
      </c>
      <c r="G570" t="s">
        <v>2953</v>
      </c>
    </row>
    <row r="571" spans="1:7" x14ac:dyDescent="0.2">
      <c r="A571" t="s">
        <v>2954</v>
      </c>
      <c r="B571" t="s">
        <v>2955</v>
      </c>
      <c r="C571" t="s">
        <v>2956</v>
      </c>
      <c r="D571" t="s">
        <v>2957</v>
      </c>
      <c r="E571" t="s">
        <v>11</v>
      </c>
      <c r="G571" t="s">
        <v>2958</v>
      </c>
    </row>
    <row r="572" spans="1:7" x14ac:dyDescent="0.2">
      <c r="A572" t="s">
        <v>2959</v>
      </c>
      <c r="B572" t="s">
        <v>2960</v>
      </c>
      <c r="C572" t="s">
        <v>2961</v>
      </c>
      <c r="D572" t="s">
        <v>2962</v>
      </c>
      <c r="E572" t="s">
        <v>11</v>
      </c>
      <c r="G572" t="s">
        <v>2963</v>
      </c>
    </row>
    <row r="573" spans="1:7" x14ac:dyDescent="0.2">
      <c r="A573" t="s">
        <v>2964</v>
      </c>
      <c r="B573" t="s">
        <v>2965</v>
      </c>
      <c r="C573" t="s">
        <v>2966</v>
      </c>
      <c r="D573" t="s">
        <v>2967</v>
      </c>
      <c r="E573" t="s">
        <v>17</v>
      </c>
      <c r="F573" t="s">
        <v>2968</v>
      </c>
      <c r="G573" t="s">
        <v>2969</v>
      </c>
    </row>
    <row r="574" spans="1:7" x14ac:dyDescent="0.2">
      <c r="A574" t="s">
        <v>2970</v>
      </c>
      <c r="B574" t="s">
        <v>2971</v>
      </c>
      <c r="C574" t="s">
        <v>2972</v>
      </c>
      <c r="D574" t="s">
        <v>2973</v>
      </c>
      <c r="E574" t="s">
        <v>17</v>
      </c>
      <c r="F574" t="s">
        <v>2968</v>
      </c>
      <c r="G574" t="s">
        <v>2974</v>
      </c>
    </row>
    <row r="575" spans="1:7" x14ac:dyDescent="0.2">
      <c r="A575" t="s">
        <v>2975</v>
      </c>
      <c r="B575" t="s">
        <v>2976</v>
      </c>
      <c r="C575" t="s">
        <v>2977</v>
      </c>
      <c r="D575" t="s">
        <v>2978</v>
      </c>
      <c r="E575" t="s">
        <v>17</v>
      </c>
      <c r="F575" t="s">
        <v>70</v>
      </c>
      <c r="G575" t="s">
        <v>2979</v>
      </c>
    </row>
    <row r="576" spans="1:7" x14ac:dyDescent="0.2">
      <c r="A576" t="s">
        <v>2980</v>
      </c>
      <c r="B576" t="s">
        <v>2981</v>
      </c>
      <c r="C576" t="s">
        <v>2982</v>
      </c>
      <c r="D576" t="s">
        <v>2983</v>
      </c>
      <c r="E576" t="s">
        <v>17</v>
      </c>
      <c r="F576" t="s">
        <v>2984</v>
      </c>
      <c r="G576" t="s">
        <v>2985</v>
      </c>
    </row>
    <row r="577" spans="1:7" x14ac:dyDescent="0.2">
      <c r="A577" t="s">
        <v>2986</v>
      </c>
      <c r="B577" t="s">
        <v>2987</v>
      </c>
      <c r="C577" t="s">
        <v>2988</v>
      </c>
      <c r="D577" t="s">
        <v>2989</v>
      </c>
      <c r="E577" t="s">
        <v>11</v>
      </c>
      <c r="G577" t="s">
        <v>2990</v>
      </c>
    </row>
    <row r="578" spans="1:7" x14ac:dyDescent="0.2">
      <c r="A578" t="s">
        <v>2991</v>
      </c>
      <c r="B578" t="s">
        <v>2992</v>
      </c>
      <c r="C578" t="s">
        <v>2993</v>
      </c>
      <c r="D578" t="s">
        <v>2994</v>
      </c>
      <c r="E578" t="s">
        <v>11</v>
      </c>
      <c r="G578" t="s">
        <v>2995</v>
      </c>
    </row>
    <row r="579" spans="1:7" x14ac:dyDescent="0.2">
      <c r="A579" t="s">
        <v>2996</v>
      </c>
      <c r="B579" t="s">
        <v>2997</v>
      </c>
      <c r="C579" t="s">
        <v>2998</v>
      </c>
      <c r="D579" t="s">
        <v>2999</v>
      </c>
      <c r="E579" t="s">
        <v>17</v>
      </c>
      <c r="F579" t="s">
        <v>3000</v>
      </c>
      <c r="G579" t="s">
        <v>3001</v>
      </c>
    </row>
    <row r="580" spans="1:7" x14ac:dyDescent="0.2">
      <c r="A580" t="s">
        <v>3002</v>
      </c>
      <c r="B580" t="s">
        <v>3003</v>
      </c>
      <c r="C580" t="s">
        <v>3004</v>
      </c>
      <c r="D580" t="s">
        <v>3005</v>
      </c>
      <c r="E580" t="s">
        <v>11</v>
      </c>
      <c r="G580" t="s">
        <v>3006</v>
      </c>
    </row>
    <row r="581" spans="1:7" x14ac:dyDescent="0.2">
      <c r="A581" t="s">
        <v>3007</v>
      </c>
      <c r="B581" t="s">
        <v>3008</v>
      </c>
      <c r="C581" t="s">
        <v>3009</v>
      </c>
      <c r="D581" t="s">
        <v>458</v>
      </c>
      <c r="E581" t="s">
        <v>63</v>
      </c>
      <c r="F581" t="s">
        <v>3010</v>
      </c>
      <c r="G581" t="s">
        <v>3011</v>
      </c>
    </row>
    <row r="582" spans="1:7" x14ac:dyDescent="0.2">
      <c r="A582" t="s">
        <v>3012</v>
      </c>
      <c r="B582" t="s">
        <v>3013</v>
      </c>
      <c r="C582" t="s">
        <v>3014</v>
      </c>
      <c r="D582" t="s">
        <v>3015</v>
      </c>
      <c r="E582" t="s">
        <v>11</v>
      </c>
      <c r="G582" t="s">
        <v>3016</v>
      </c>
    </row>
    <row r="583" spans="1:7" x14ac:dyDescent="0.2">
      <c r="A583" t="s">
        <v>3017</v>
      </c>
      <c r="B583" t="s">
        <v>3018</v>
      </c>
      <c r="C583" t="s">
        <v>3019</v>
      </c>
      <c r="D583" t="s">
        <v>3020</v>
      </c>
      <c r="E583" t="s">
        <v>11</v>
      </c>
      <c r="G583" t="s">
        <v>3021</v>
      </c>
    </row>
    <row r="584" spans="1:7" x14ac:dyDescent="0.2">
      <c r="A584" t="s">
        <v>3022</v>
      </c>
      <c r="B584" t="s">
        <v>3023</v>
      </c>
      <c r="C584" t="s">
        <v>3024</v>
      </c>
      <c r="D584" t="s">
        <v>3025</v>
      </c>
      <c r="E584" t="s">
        <v>11</v>
      </c>
      <c r="G584" t="s">
        <v>3026</v>
      </c>
    </row>
    <row r="585" spans="1:7" x14ac:dyDescent="0.2">
      <c r="A585" t="s">
        <v>3027</v>
      </c>
      <c r="B585" t="s">
        <v>3028</v>
      </c>
      <c r="C585" t="s">
        <v>3029</v>
      </c>
      <c r="D585" t="s">
        <v>3030</v>
      </c>
      <c r="E585" t="s">
        <v>11</v>
      </c>
      <c r="G585" t="s">
        <v>3031</v>
      </c>
    </row>
    <row r="586" spans="1:7" x14ac:dyDescent="0.2">
      <c r="A586" t="s">
        <v>3032</v>
      </c>
      <c r="B586" t="s">
        <v>3033</v>
      </c>
      <c r="C586" t="s">
        <v>3034</v>
      </c>
      <c r="D586" t="s">
        <v>3035</v>
      </c>
      <c r="E586" t="s">
        <v>11</v>
      </c>
      <c r="G586" t="s">
        <v>3036</v>
      </c>
    </row>
    <row r="587" spans="1:7" x14ac:dyDescent="0.2">
      <c r="A587" t="s">
        <v>3037</v>
      </c>
      <c r="B587" t="s">
        <v>3038</v>
      </c>
      <c r="C587" t="s">
        <v>3039</v>
      </c>
      <c r="D587" t="s">
        <v>3040</v>
      </c>
      <c r="E587" t="s">
        <v>11</v>
      </c>
      <c r="G587" t="s">
        <v>3041</v>
      </c>
    </row>
    <row r="588" spans="1:7" x14ac:dyDescent="0.2">
      <c r="A588" t="s">
        <v>3042</v>
      </c>
      <c r="B588" t="s">
        <v>3043</v>
      </c>
      <c r="C588" t="s">
        <v>3044</v>
      </c>
      <c r="D588" t="s">
        <v>3045</v>
      </c>
      <c r="E588" t="s">
        <v>17</v>
      </c>
      <c r="F588" t="s">
        <v>57</v>
      </c>
      <c r="G588" t="s">
        <v>3046</v>
      </c>
    </row>
    <row r="589" spans="1:7" x14ac:dyDescent="0.2">
      <c r="A589" t="s">
        <v>3047</v>
      </c>
      <c r="B589" t="s">
        <v>3048</v>
      </c>
      <c r="C589" t="s">
        <v>3049</v>
      </c>
      <c r="D589" t="s">
        <v>3050</v>
      </c>
      <c r="E589" t="s">
        <v>17</v>
      </c>
      <c r="F589" t="s">
        <v>57</v>
      </c>
      <c r="G589" t="s">
        <v>3051</v>
      </c>
    </row>
    <row r="590" spans="1:7" x14ac:dyDescent="0.2">
      <c r="A590" t="s">
        <v>3052</v>
      </c>
      <c r="B590" t="s">
        <v>3053</v>
      </c>
      <c r="C590" t="s">
        <v>3054</v>
      </c>
      <c r="D590" t="s">
        <v>3055</v>
      </c>
      <c r="E590" t="s">
        <v>17</v>
      </c>
      <c r="F590" t="s">
        <v>57</v>
      </c>
      <c r="G590" t="s">
        <v>3056</v>
      </c>
    </row>
    <row r="591" spans="1:7" x14ac:dyDescent="0.2">
      <c r="A591" t="s">
        <v>3057</v>
      </c>
      <c r="B591" t="s">
        <v>3058</v>
      </c>
      <c r="C591" t="s">
        <v>3059</v>
      </c>
      <c r="D591" t="s">
        <v>3060</v>
      </c>
      <c r="E591" t="s">
        <v>11</v>
      </c>
      <c r="G591" t="s">
        <v>3061</v>
      </c>
    </row>
    <row r="592" spans="1:7" x14ac:dyDescent="0.2">
      <c r="A592" t="s">
        <v>3062</v>
      </c>
      <c r="B592" t="s">
        <v>3063</v>
      </c>
      <c r="C592" t="s">
        <v>3064</v>
      </c>
      <c r="D592" t="s">
        <v>3065</v>
      </c>
      <c r="E592" t="s">
        <v>17</v>
      </c>
      <c r="F592" t="s">
        <v>3066</v>
      </c>
      <c r="G592" t="s">
        <v>3067</v>
      </c>
    </row>
    <row r="593" spans="1:7" x14ac:dyDescent="0.2">
      <c r="A593" t="s">
        <v>3068</v>
      </c>
      <c r="B593" t="s">
        <v>3069</v>
      </c>
      <c r="C593" t="s">
        <v>3070</v>
      </c>
      <c r="D593" t="s">
        <v>3071</v>
      </c>
      <c r="E593" t="s">
        <v>17</v>
      </c>
      <c r="F593" t="s">
        <v>3066</v>
      </c>
      <c r="G593" t="s">
        <v>3072</v>
      </c>
    </row>
    <row r="594" spans="1:7" x14ac:dyDescent="0.2">
      <c r="A594" t="s">
        <v>3073</v>
      </c>
      <c r="B594" t="s">
        <v>3074</v>
      </c>
      <c r="C594" t="s">
        <v>3075</v>
      </c>
      <c r="D594" t="s">
        <v>3076</v>
      </c>
      <c r="E594" t="s">
        <v>17</v>
      </c>
      <c r="F594" t="s">
        <v>3077</v>
      </c>
      <c r="G594" t="s">
        <v>3078</v>
      </c>
    </row>
    <row r="595" spans="1:7" x14ac:dyDescent="0.2">
      <c r="A595" t="s">
        <v>3079</v>
      </c>
      <c r="B595" t="s">
        <v>3080</v>
      </c>
      <c r="C595" t="s">
        <v>3081</v>
      </c>
      <c r="D595" t="s">
        <v>3082</v>
      </c>
      <c r="E595" t="s">
        <v>17</v>
      </c>
      <c r="F595" t="s">
        <v>3077</v>
      </c>
      <c r="G595" t="s">
        <v>3083</v>
      </c>
    </row>
    <row r="596" spans="1:7" x14ac:dyDescent="0.2">
      <c r="A596" t="s">
        <v>3084</v>
      </c>
      <c r="B596" t="s">
        <v>3085</v>
      </c>
      <c r="C596" t="s">
        <v>3086</v>
      </c>
      <c r="D596" t="s">
        <v>3087</v>
      </c>
      <c r="E596" t="s">
        <v>17</v>
      </c>
      <c r="F596" t="s">
        <v>3077</v>
      </c>
      <c r="G596" t="s">
        <v>3088</v>
      </c>
    </row>
    <row r="597" spans="1:7" x14ac:dyDescent="0.2">
      <c r="A597" t="s">
        <v>3089</v>
      </c>
      <c r="B597" t="s">
        <v>3090</v>
      </c>
      <c r="C597" t="s">
        <v>3091</v>
      </c>
      <c r="D597" t="s">
        <v>3092</v>
      </c>
      <c r="E597" t="s">
        <v>17</v>
      </c>
      <c r="F597" t="s">
        <v>3077</v>
      </c>
      <c r="G597" t="s">
        <v>3093</v>
      </c>
    </row>
    <row r="598" spans="1:7" x14ac:dyDescent="0.2">
      <c r="A598" t="s">
        <v>3094</v>
      </c>
      <c r="B598" t="s">
        <v>3095</v>
      </c>
      <c r="C598" t="s">
        <v>3096</v>
      </c>
      <c r="D598" t="s">
        <v>3097</v>
      </c>
      <c r="E598" t="s">
        <v>17</v>
      </c>
      <c r="F598" t="s">
        <v>3077</v>
      </c>
      <c r="G598" t="s">
        <v>3098</v>
      </c>
    </row>
    <row r="599" spans="1:7" x14ac:dyDescent="0.2">
      <c r="A599" t="s">
        <v>3099</v>
      </c>
      <c r="B599" t="s">
        <v>3100</v>
      </c>
      <c r="C599" t="s">
        <v>3101</v>
      </c>
      <c r="D599" t="s">
        <v>3102</v>
      </c>
      <c r="E599" t="s">
        <v>11</v>
      </c>
      <c r="G599" t="s">
        <v>3103</v>
      </c>
    </row>
    <row r="600" spans="1:7" x14ac:dyDescent="0.2">
      <c r="A600" t="s">
        <v>3104</v>
      </c>
      <c r="B600" t="s">
        <v>3105</v>
      </c>
      <c r="C600" t="s">
        <v>3106</v>
      </c>
      <c r="D600" t="s">
        <v>3107</v>
      </c>
      <c r="E600" t="s">
        <v>11</v>
      </c>
      <c r="G600" t="s">
        <v>3108</v>
      </c>
    </row>
    <row r="601" spans="1:7" x14ac:dyDescent="0.2">
      <c r="A601" t="s">
        <v>3109</v>
      </c>
      <c r="B601" t="s">
        <v>3110</v>
      </c>
      <c r="C601" t="s">
        <v>3111</v>
      </c>
      <c r="D601" t="s">
        <v>3112</v>
      </c>
      <c r="E601" t="s">
        <v>17</v>
      </c>
      <c r="F601" t="s">
        <v>1161</v>
      </c>
      <c r="G601" t="s">
        <v>3113</v>
      </c>
    </row>
    <row r="602" spans="1:7" x14ac:dyDescent="0.2">
      <c r="A602" t="s">
        <v>3114</v>
      </c>
      <c r="B602" t="s">
        <v>3115</v>
      </c>
      <c r="C602" t="s">
        <v>3116</v>
      </c>
      <c r="D602" t="s">
        <v>3117</v>
      </c>
      <c r="E602" t="s">
        <v>17</v>
      </c>
      <c r="F602" t="s">
        <v>3118</v>
      </c>
      <c r="G602" t="s">
        <v>3119</v>
      </c>
    </row>
    <row r="603" spans="1:7" x14ac:dyDescent="0.2">
      <c r="A603" t="s">
        <v>3120</v>
      </c>
      <c r="B603" t="s">
        <v>3121</v>
      </c>
      <c r="C603" t="s">
        <v>3122</v>
      </c>
      <c r="D603" t="s">
        <v>3123</v>
      </c>
      <c r="E603" t="s">
        <v>11</v>
      </c>
      <c r="G603" t="s">
        <v>3124</v>
      </c>
    </row>
    <row r="604" spans="1:7" x14ac:dyDescent="0.2">
      <c r="A604" t="s">
        <v>3125</v>
      </c>
      <c r="B604" t="s">
        <v>3126</v>
      </c>
      <c r="C604" t="s">
        <v>3127</v>
      </c>
      <c r="D604" t="s">
        <v>3128</v>
      </c>
      <c r="E604" t="s">
        <v>11</v>
      </c>
      <c r="G604" t="s">
        <v>3129</v>
      </c>
    </row>
    <row r="605" spans="1:7" x14ac:dyDescent="0.2">
      <c r="A605" t="s">
        <v>3130</v>
      </c>
      <c r="B605" t="s">
        <v>3131</v>
      </c>
      <c r="C605" t="s">
        <v>3132</v>
      </c>
      <c r="D605" t="s">
        <v>3133</v>
      </c>
      <c r="E605" t="s">
        <v>11</v>
      </c>
      <c r="G605" t="s">
        <v>3134</v>
      </c>
    </row>
    <row r="606" spans="1:7" x14ac:dyDescent="0.2">
      <c r="A606" t="s">
        <v>3135</v>
      </c>
      <c r="B606" t="s">
        <v>3136</v>
      </c>
      <c r="C606" t="s">
        <v>3137</v>
      </c>
      <c r="D606" t="s">
        <v>3138</v>
      </c>
      <c r="E606" t="s">
        <v>17</v>
      </c>
      <c r="F606" t="s">
        <v>3139</v>
      </c>
      <c r="G606" t="s">
        <v>3140</v>
      </c>
    </row>
    <row r="607" spans="1:7" x14ac:dyDescent="0.2">
      <c r="A607" t="s">
        <v>3141</v>
      </c>
      <c r="B607" t="s">
        <v>3142</v>
      </c>
      <c r="C607" t="s">
        <v>3143</v>
      </c>
      <c r="D607" t="s">
        <v>3144</v>
      </c>
      <c r="E607" t="s">
        <v>11</v>
      </c>
      <c r="G607" t="s">
        <v>3145</v>
      </c>
    </row>
    <row r="608" spans="1:7" x14ac:dyDescent="0.2">
      <c r="A608" t="s">
        <v>3146</v>
      </c>
      <c r="B608" t="s">
        <v>3147</v>
      </c>
      <c r="C608" t="s">
        <v>3148</v>
      </c>
      <c r="D608" t="s">
        <v>3149</v>
      </c>
      <c r="E608" t="s">
        <v>11</v>
      </c>
      <c r="G608" t="s">
        <v>3150</v>
      </c>
    </row>
    <row r="609" spans="1:7" x14ac:dyDescent="0.2">
      <c r="A609" t="s">
        <v>3151</v>
      </c>
      <c r="B609" t="s">
        <v>3152</v>
      </c>
      <c r="C609" t="s">
        <v>3153</v>
      </c>
      <c r="D609" t="s">
        <v>3154</v>
      </c>
      <c r="E609" t="s">
        <v>11</v>
      </c>
      <c r="G609" t="s">
        <v>3155</v>
      </c>
    </row>
    <row r="610" spans="1:7" x14ac:dyDescent="0.2">
      <c r="A610" t="s">
        <v>3156</v>
      </c>
      <c r="B610" t="s">
        <v>3157</v>
      </c>
      <c r="C610" t="s">
        <v>3158</v>
      </c>
      <c r="D610" t="s">
        <v>3159</v>
      </c>
      <c r="E610" t="s">
        <v>11</v>
      </c>
      <c r="G610" t="s">
        <v>3160</v>
      </c>
    </row>
    <row r="611" spans="1:7" x14ac:dyDescent="0.2">
      <c r="A611" t="s">
        <v>3161</v>
      </c>
      <c r="B611" t="s">
        <v>3162</v>
      </c>
      <c r="C611" t="s">
        <v>3163</v>
      </c>
      <c r="D611" t="s">
        <v>3164</v>
      </c>
      <c r="E611" t="s">
        <v>11</v>
      </c>
      <c r="G611" t="s">
        <v>3165</v>
      </c>
    </row>
    <row r="612" spans="1:7" x14ac:dyDescent="0.2">
      <c r="A612" t="s">
        <v>3166</v>
      </c>
      <c r="B612" t="s">
        <v>3167</v>
      </c>
      <c r="C612" t="s">
        <v>3168</v>
      </c>
      <c r="D612" t="s">
        <v>3169</v>
      </c>
      <c r="E612" t="s">
        <v>11</v>
      </c>
      <c r="G612" t="s">
        <v>3170</v>
      </c>
    </row>
    <row r="613" spans="1:7" x14ac:dyDescent="0.2">
      <c r="A613" t="s">
        <v>3171</v>
      </c>
      <c r="B613" t="s">
        <v>3172</v>
      </c>
      <c r="C613" t="s">
        <v>3173</v>
      </c>
      <c r="D613" t="s">
        <v>3174</v>
      </c>
      <c r="E613" t="s">
        <v>11</v>
      </c>
      <c r="G613" t="s">
        <v>3175</v>
      </c>
    </row>
    <row r="614" spans="1:7" x14ac:dyDescent="0.2">
      <c r="A614" t="s">
        <v>3176</v>
      </c>
      <c r="B614" t="s">
        <v>3177</v>
      </c>
      <c r="C614" t="s">
        <v>3178</v>
      </c>
      <c r="D614" t="s">
        <v>3179</v>
      </c>
      <c r="E614" t="s">
        <v>11</v>
      </c>
      <c r="G614" t="s">
        <v>3180</v>
      </c>
    </row>
    <row r="615" spans="1:7" x14ac:dyDescent="0.2">
      <c r="A615" t="s">
        <v>3181</v>
      </c>
      <c r="B615" t="s">
        <v>3182</v>
      </c>
      <c r="C615" t="s">
        <v>3183</v>
      </c>
      <c r="D615" t="s">
        <v>3184</v>
      </c>
      <c r="E615" t="s">
        <v>11</v>
      </c>
      <c r="G615" t="s">
        <v>3185</v>
      </c>
    </row>
    <row r="616" spans="1:7" x14ac:dyDescent="0.2">
      <c r="A616" t="s">
        <v>3186</v>
      </c>
      <c r="B616" t="s">
        <v>3187</v>
      </c>
      <c r="C616" t="s">
        <v>3188</v>
      </c>
      <c r="D616" t="s">
        <v>3189</v>
      </c>
      <c r="E616" t="s">
        <v>11</v>
      </c>
      <c r="G616" t="s">
        <v>3190</v>
      </c>
    </row>
    <row r="617" spans="1:7" x14ac:dyDescent="0.2">
      <c r="A617" t="s">
        <v>3191</v>
      </c>
      <c r="B617" t="s">
        <v>3192</v>
      </c>
      <c r="C617" t="s">
        <v>3193</v>
      </c>
      <c r="D617" t="s">
        <v>3194</v>
      </c>
      <c r="E617" t="s">
        <v>11</v>
      </c>
      <c r="G617" t="s">
        <v>3195</v>
      </c>
    </row>
    <row r="618" spans="1:7" x14ac:dyDescent="0.2">
      <c r="A618" t="s">
        <v>3196</v>
      </c>
      <c r="B618" t="s">
        <v>3197</v>
      </c>
      <c r="C618" t="s">
        <v>3198</v>
      </c>
      <c r="D618" t="s">
        <v>3199</v>
      </c>
      <c r="E618" t="s">
        <v>11</v>
      </c>
      <c r="G618" t="s">
        <v>3200</v>
      </c>
    </row>
    <row r="619" spans="1:7" x14ac:dyDescent="0.2">
      <c r="A619" t="s">
        <v>3201</v>
      </c>
      <c r="B619" t="s">
        <v>3202</v>
      </c>
      <c r="C619" t="s">
        <v>3203</v>
      </c>
      <c r="D619" t="s">
        <v>3204</v>
      </c>
      <c r="E619" t="s">
        <v>11</v>
      </c>
      <c r="G619" t="s">
        <v>3205</v>
      </c>
    </row>
    <row r="620" spans="1:7" x14ac:dyDescent="0.2">
      <c r="A620" t="s">
        <v>3206</v>
      </c>
      <c r="B620" t="s">
        <v>3207</v>
      </c>
      <c r="C620" t="s">
        <v>3208</v>
      </c>
      <c r="D620" t="s">
        <v>3209</v>
      </c>
      <c r="E620" t="s">
        <v>11</v>
      </c>
      <c r="G620" t="s">
        <v>3210</v>
      </c>
    </row>
    <row r="621" spans="1:7" x14ac:dyDescent="0.2">
      <c r="A621" t="s">
        <v>3211</v>
      </c>
      <c r="B621" t="s">
        <v>3212</v>
      </c>
      <c r="C621" t="s">
        <v>3213</v>
      </c>
      <c r="D621" t="s">
        <v>3214</v>
      </c>
      <c r="E621" t="s">
        <v>11</v>
      </c>
      <c r="G621" t="s">
        <v>3215</v>
      </c>
    </row>
    <row r="622" spans="1:7" x14ac:dyDescent="0.2">
      <c r="A622" t="s">
        <v>3216</v>
      </c>
      <c r="B622" t="s">
        <v>3217</v>
      </c>
      <c r="C622" t="s">
        <v>3218</v>
      </c>
      <c r="D622" t="s">
        <v>3219</v>
      </c>
      <c r="E622" t="s">
        <v>11</v>
      </c>
      <c r="G622" t="s">
        <v>3220</v>
      </c>
    </row>
    <row r="623" spans="1:7" x14ac:dyDescent="0.2">
      <c r="A623" t="s">
        <v>3221</v>
      </c>
      <c r="B623" t="s">
        <v>3222</v>
      </c>
      <c r="C623" t="s">
        <v>3223</v>
      </c>
      <c r="D623" t="s">
        <v>3224</v>
      </c>
      <c r="E623" t="s">
        <v>17</v>
      </c>
      <c r="F623" t="s">
        <v>1612</v>
      </c>
      <c r="G623" t="s">
        <v>3225</v>
      </c>
    </row>
    <row r="624" spans="1:7" x14ac:dyDescent="0.2">
      <c r="A624" t="s">
        <v>3226</v>
      </c>
      <c r="B624" t="s">
        <v>3227</v>
      </c>
      <c r="C624" t="s">
        <v>3228</v>
      </c>
      <c r="D624" t="s">
        <v>3229</v>
      </c>
      <c r="E624" t="s">
        <v>17</v>
      </c>
      <c r="F624" t="s">
        <v>45</v>
      </c>
      <c r="G624" t="s">
        <v>3230</v>
      </c>
    </row>
    <row r="625" spans="1:7" x14ac:dyDescent="0.2">
      <c r="A625" t="s">
        <v>3231</v>
      </c>
      <c r="B625" t="s">
        <v>3232</v>
      </c>
      <c r="C625" t="s">
        <v>3233</v>
      </c>
      <c r="D625" t="s">
        <v>3234</v>
      </c>
      <c r="E625" t="s">
        <v>11</v>
      </c>
      <c r="G625" t="s">
        <v>3235</v>
      </c>
    </row>
    <row r="626" spans="1:7" x14ac:dyDescent="0.2">
      <c r="A626" t="s">
        <v>3236</v>
      </c>
      <c r="B626" t="s">
        <v>3237</v>
      </c>
      <c r="C626" t="s">
        <v>3238</v>
      </c>
      <c r="D626" t="s">
        <v>3239</v>
      </c>
      <c r="E626" t="s">
        <v>17</v>
      </c>
      <c r="F626" t="s">
        <v>2410</v>
      </c>
      <c r="G626" t="s">
        <v>3240</v>
      </c>
    </row>
    <row r="627" spans="1:7" x14ac:dyDescent="0.2">
      <c r="A627" t="s">
        <v>3241</v>
      </c>
      <c r="B627" t="s">
        <v>3242</v>
      </c>
      <c r="C627" t="s">
        <v>3243</v>
      </c>
      <c r="D627" t="s">
        <v>3244</v>
      </c>
      <c r="E627" t="s">
        <v>17</v>
      </c>
      <c r="F627" t="s">
        <v>3245</v>
      </c>
      <c r="G627" t="s">
        <v>3246</v>
      </c>
    </row>
    <row r="628" spans="1:7" x14ac:dyDescent="0.2">
      <c r="A628" t="s">
        <v>3247</v>
      </c>
      <c r="B628" t="s">
        <v>3248</v>
      </c>
      <c r="C628" t="s">
        <v>3249</v>
      </c>
      <c r="D628" t="s">
        <v>3250</v>
      </c>
      <c r="E628" t="s">
        <v>17</v>
      </c>
      <c r="F628" t="s">
        <v>3251</v>
      </c>
      <c r="G628" t="s">
        <v>3252</v>
      </c>
    </row>
    <row r="629" spans="1:7" x14ac:dyDescent="0.2">
      <c r="A629" t="s">
        <v>3253</v>
      </c>
      <c r="B629" t="s">
        <v>3254</v>
      </c>
      <c r="C629" t="s">
        <v>3255</v>
      </c>
      <c r="D629" t="s">
        <v>3256</v>
      </c>
      <c r="E629" t="s">
        <v>11</v>
      </c>
      <c r="G629" t="s">
        <v>3257</v>
      </c>
    </row>
    <row r="630" spans="1:7" x14ac:dyDescent="0.2">
      <c r="A630" t="s">
        <v>3258</v>
      </c>
      <c r="B630" t="s">
        <v>3259</v>
      </c>
      <c r="C630" t="s">
        <v>3260</v>
      </c>
      <c r="D630" t="s">
        <v>3261</v>
      </c>
      <c r="E630" t="s">
        <v>11</v>
      </c>
      <c r="G630" t="s">
        <v>3262</v>
      </c>
    </row>
    <row r="631" spans="1:7" x14ac:dyDescent="0.2">
      <c r="A631" t="s">
        <v>3263</v>
      </c>
      <c r="B631" t="s">
        <v>3264</v>
      </c>
      <c r="C631" t="s">
        <v>3265</v>
      </c>
      <c r="D631" t="s">
        <v>3266</v>
      </c>
      <c r="E631" t="s">
        <v>63</v>
      </c>
      <c r="F631" t="s">
        <v>3267</v>
      </c>
      <c r="G631" t="s">
        <v>3268</v>
      </c>
    </row>
    <row r="632" spans="1:7" x14ac:dyDescent="0.2">
      <c r="A632" t="s">
        <v>3269</v>
      </c>
      <c r="B632" t="s">
        <v>3270</v>
      </c>
      <c r="C632" t="s">
        <v>3271</v>
      </c>
      <c r="D632" t="s">
        <v>3272</v>
      </c>
      <c r="E632" t="s">
        <v>11</v>
      </c>
      <c r="G632" t="s">
        <v>3273</v>
      </c>
    </row>
    <row r="633" spans="1:7" x14ac:dyDescent="0.2">
      <c r="A633" t="s">
        <v>3274</v>
      </c>
      <c r="B633" t="s">
        <v>3275</v>
      </c>
      <c r="C633" t="s">
        <v>3276</v>
      </c>
      <c r="D633" t="s">
        <v>3277</v>
      </c>
      <c r="E633" t="s">
        <v>11</v>
      </c>
      <c r="G633" t="s">
        <v>3278</v>
      </c>
    </row>
    <row r="634" spans="1:7" x14ac:dyDescent="0.2">
      <c r="A634" t="s">
        <v>3279</v>
      </c>
      <c r="B634" t="s">
        <v>3280</v>
      </c>
      <c r="C634" t="s">
        <v>3281</v>
      </c>
      <c r="D634" t="s">
        <v>3282</v>
      </c>
      <c r="E634" t="s">
        <v>11</v>
      </c>
      <c r="G634" t="s">
        <v>3283</v>
      </c>
    </row>
    <row r="635" spans="1:7" x14ac:dyDescent="0.2">
      <c r="A635" t="s">
        <v>3284</v>
      </c>
      <c r="B635" t="s">
        <v>3285</v>
      </c>
      <c r="C635" t="s">
        <v>3286</v>
      </c>
      <c r="D635" t="s">
        <v>3287</v>
      </c>
      <c r="E635" t="s">
        <v>11</v>
      </c>
      <c r="G635" t="s">
        <v>3288</v>
      </c>
    </row>
    <row r="636" spans="1:7" x14ac:dyDescent="0.2">
      <c r="A636" t="s">
        <v>3289</v>
      </c>
      <c r="B636" t="s">
        <v>3290</v>
      </c>
      <c r="C636" t="s">
        <v>3291</v>
      </c>
      <c r="D636" t="s">
        <v>3292</v>
      </c>
      <c r="E636" t="s">
        <v>17</v>
      </c>
      <c r="F636" t="s">
        <v>1044</v>
      </c>
      <c r="G636" t="s">
        <v>3293</v>
      </c>
    </row>
    <row r="637" spans="1:7" x14ac:dyDescent="0.2">
      <c r="A637" t="s">
        <v>3294</v>
      </c>
      <c r="B637" t="s">
        <v>3295</v>
      </c>
      <c r="C637" t="s">
        <v>3296</v>
      </c>
      <c r="D637" t="s">
        <v>3297</v>
      </c>
      <c r="E637" t="s">
        <v>17</v>
      </c>
      <c r="F637" t="s">
        <v>2558</v>
      </c>
      <c r="G637" t="s">
        <v>3298</v>
      </c>
    </row>
    <row r="638" spans="1:7" x14ac:dyDescent="0.2">
      <c r="A638" t="s">
        <v>3299</v>
      </c>
      <c r="B638" t="s">
        <v>3300</v>
      </c>
      <c r="C638" t="s">
        <v>3301</v>
      </c>
      <c r="D638" t="s">
        <v>3302</v>
      </c>
      <c r="E638" t="s">
        <v>17</v>
      </c>
      <c r="F638" t="s">
        <v>2579</v>
      </c>
      <c r="G638" t="s">
        <v>3303</v>
      </c>
    </row>
    <row r="639" spans="1:7" x14ac:dyDescent="0.2">
      <c r="A639" t="s">
        <v>3304</v>
      </c>
      <c r="B639" t="s">
        <v>3305</v>
      </c>
      <c r="C639" t="s">
        <v>3306</v>
      </c>
      <c r="D639" t="s">
        <v>3307</v>
      </c>
      <c r="E639" t="s">
        <v>11</v>
      </c>
      <c r="G639" t="s">
        <v>3308</v>
      </c>
    </row>
    <row r="640" spans="1:7" x14ac:dyDescent="0.2">
      <c r="A640" t="s">
        <v>3309</v>
      </c>
      <c r="B640" t="s">
        <v>3310</v>
      </c>
      <c r="C640" t="s">
        <v>3311</v>
      </c>
      <c r="D640" t="s">
        <v>3312</v>
      </c>
      <c r="E640" t="s">
        <v>17</v>
      </c>
      <c r="F640" t="s">
        <v>1044</v>
      </c>
      <c r="G640" t="s">
        <v>3313</v>
      </c>
    </row>
    <row r="641" spans="1:7" x14ac:dyDescent="0.2">
      <c r="A641" t="s">
        <v>3314</v>
      </c>
      <c r="B641" t="s">
        <v>3315</v>
      </c>
      <c r="C641" t="s">
        <v>3316</v>
      </c>
      <c r="D641" t="s">
        <v>3317</v>
      </c>
      <c r="E641" t="s">
        <v>17</v>
      </c>
      <c r="F641" t="s">
        <v>70</v>
      </c>
      <c r="G641" t="s">
        <v>3318</v>
      </c>
    </row>
    <row r="642" spans="1:7" x14ac:dyDescent="0.2">
      <c r="A642" t="s">
        <v>3319</v>
      </c>
      <c r="B642" t="s">
        <v>3320</v>
      </c>
      <c r="C642" t="s">
        <v>3321</v>
      </c>
      <c r="D642" t="s">
        <v>3322</v>
      </c>
      <c r="E642" t="s">
        <v>17</v>
      </c>
      <c r="F642" t="s">
        <v>57</v>
      </c>
      <c r="G642" t="s">
        <v>3323</v>
      </c>
    </row>
    <row r="643" spans="1:7" x14ac:dyDescent="0.2">
      <c r="A643" t="s">
        <v>3324</v>
      </c>
      <c r="B643" t="s">
        <v>3325</v>
      </c>
      <c r="C643" t="s">
        <v>3326</v>
      </c>
      <c r="D643" t="s">
        <v>3327</v>
      </c>
      <c r="E643" t="s">
        <v>17</v>
      </c>
      <c r="F643" t="s">
        <v>3328</v>
      </c>
      <c r="G643" t="s">
        <v>3329</v>
      </c>
    </row>
    <row r="644" spans="1:7" x14ac:dyDescent="0.2">
      <c r="A644" t="s">
        <v>3330</v>
      </c>
      <c r="B644" t="s">
        <v>3331</v>
      </c>
      <c r="C644" t="s">
        <v>3332</v>
      </c>
      <c r="D644" t="s">
        <v>3333</v>
      </c>
      <c r="E644" t="s">
        <v>11</v>
      </c>
      <c r="G644" t="s">
        <v>3334</v>
      </c>
    </row>
    <row r="645" spans="1:7" x14ac:dyDescent="0.2">
      <c r="A645" t="s">
        <v>3335</v>
      </c>
      <c r="B645" t="s">
        <v>3336</v>
      </c>
      <c r="C645" t="s">
        <v>3337</v>
      </c>
      <c r="D645" t="s">
        <v>3338</v>
      </c>
      <c r="E645" t="s">
        <v>11</v>
      </c>
      <c r="G645" t="s">
        <v>3339</v>
      </c>
    </row>
    <row r="646" spans="1:7" x14ac:dyDescent="0.2">
      <c r="A646" t="s">
        <v>3340</v>
      </c>
      <c r="B646" t="s">
        <v>3341</v>
      </c>
      <c r="C646" t="s">
        <v>3342</v>
      </c>
      <c r="D646" t="s">
        <v>3343</v>
      </c>
      <c r="E646" t="s">
        <v>17</v>
      </c>
      <c r="F646" t="s">
        <v>18</v>
      </c>
      <c r="G646" t="s">
        <v>3344</v>
      </c>
    </row>
    <row r="647" spans="1:7" x14ac:dyDescent="0.2">
      <c r="A647" t="s">
        <v>3345</v>
      </c>
      <c r="B647" t="s">
        <v>3346</v>
      </c>
      <c r="C647" t="s">
        <v>3347</v>
      </c>
      <c r="D647" t="s">
        <v>3348</v>
      </c>
      <c r="E647" t="s">
        <v>63</v>
      </c>
      <c r="F647" t="s">
        <v>3349</v>
      </c>
      <c r="G647" t="s">
        <v>3350</v>
      </c>
    </row>
    <row r="648" spans="1:7" x14ac:dyDescent="0.2">
      <c r="A648" t="s">
        <v>3351</v>
      </c>
      <c r="B648" t="s">
        <v>3352</v>
      </c>
      <c r="C648" t="s">
        <v>3353</v>
      </c>
      <c r="D648" t="s">
        <v>3348</v>
      </c>
      <c r="E648" t="s">
        <v>17</v>
      </c>
      <c r="F648" t="s">
        <v>3354</v>
      </c>
      <c r="G648" t="s">
        <v>3355</v>
      </c>
    </row>
    <row r="649" spans="1:7" x14ac:dyDescent="0.2">
      <c r="A649" t="s">
        <v>3356</v>
      </c>
      <c r="B649" t="s">
        <v>3357</v>
      </c>
      <c r="C649" t="s">
        <v>3358</v>
      </c>
      <c r="D649" t="s">
        <v>3359</v>
      </c>
      <c r="E649" t="s">
        <v>11</v>
      </c>
      <c r="G649" t="s">
        <v>3360</v>
      </c>
    </row>
    <row r="650" spans="1:7" x14ac:dyDescent="0.2">
      <c r="A650" t="s">
        <v>3361</v>
      </c>
      <c r="B650" t="s">
        <v>3362</v>
      </c>
      <c r="C650" t="s">
        <v>3363</v>
      </c>
      <c r="D650" t="s">
        <v>3364</v>
      </c>
      <c r="E650" t="s">
        <v>11</v>
      </c>
      <c r="G650" t="s">
        <v>3365</v>
      </c>
    </row>
    <row r="651" spans="1:7" x14ac:dyDescent="0.2">
      <c r="A651" t="s">
        <v>3366</v>
      </c>
      <c r="B651" t="s">
        <v>3367</v>
      </c>
      <c r="C651" t="s">
        <v>3368</v>
      </c>
      <c r="D651" t="s">
        <v>3369</v>
      </c>
      <c r="E651" t="s">
        <v>11</v>
      </c>
      <c r="G651" t="s">
        <v>3370</v>
      </c>
    </row>
    <row r="652" spans="1:7" x14ac:dyDescent="0.2">
      <c r="A652" t="s">
        <v>3371</v>
      </c>
      <c r="B652" t="s">
        <v>3372</v>
      </c>
      <c r="C652" t="s">
        <v>3373</v>
      </c>
      <c r="D652" t="s">
        <v>3374</v>
      </c>
      <c r="E652" t="s">
        <v>287</v>
      </c>
      <c r="F652" t="s">
        <v>527</v>
      </c>
      <c r="G652" t="s">
        <v>3375</v>
      </c>
    </row>
    <row r="653" spans="1:7" x14ac:dyDescent="0.2">
      <c r="A653" t="s">
        <v>3376</v>
      </c>
      <c r="B653" t="s">
        <v>3377</v>
      </c>
      <c r="C653" t="s">
        <v>3378</v>
      </c>
      <c r="D653" t="s">
        <v>3379</v>
      </c>
      <c r="E653" t="s">
        <v>17</v>
      </c>
      <c r="F653" t="s">
        <v>3380</v>
      </c>
      <c r="G653" t="s">
        <v>3381</v>
      </c>
    </row>
    <row r="654" spans="1:7" x14ac:dyDescent="0.2">
      <c r="A654" t="s">
        <v>3382</v>
      </c>
      <c r="B654" t="s">
        <v>3383</v>
      </c>
      <c r="C654" t="s">
        <v>3384</v>
      </c>
      <c r="D654" t="s">
        <v>3385</v>
      </c>
      <c r="E654" t="s">
        <v>11</v>
      </c>
      <c r="G654" t="s">
        <v>3386</v>
      </c>
    </row>
    <row r="655" spans="1:7" x14ac:dyDescent="0.2">
      <c r="A655" t="s">
        <v>3387</v>
      </c>
      <c r="B655" t="s">
        <v>3388</v>
      </c>
      <c r="C655" t="s">
        <v>3389</v>
      </c>
      <c r="D655" t="s">
        <v>3390</v>
      </c>
      <c r="E655" t="s">
        <v>17</v>
      </c>
      <c r="F655" t="s">
        <v>564</v>
      </c>
      <c r="G655" t="s">
        <v>3391</v>
      </c>
    </row>
    <row r="656" spans="1:7" x14ac:dyDescent="0.2">
      <c r="A656" t="s">
        <v>3392</v>
      </c>
      <c r="B656" t="s">
        <v>3393</v>
      </c>
      <c r="C656" t="s">
        <v>3394</v>
      </c>
      <c r="D656" t="s">
        <v>3395</v>
      </c>
      <c r="E656" t="s">
        <v>17</v>
      </c>
      <c r="F656" t="s">
        <v>18</v>
      </c>
      <c r="G656" t="s">
        <v>3396</v>
      </c>
    </row>
    <row r="657" spans="1:7" x14ac:dyDescent="0.2">
      <c r="A657" t="s">
        <v>3397</v>
      </c>
      <c r="B657" t="s">
        <v>3398</v>
      </c>
      <c r="C657" t="s">
        <v>3399</v>
      </c>
      <c r="D657" t="s">
        <v>3400</v>
      </c>
      <c r="E657" t="s">
        <v>17</v>
      </c>
      <c r="F657" t="s">
        <v>564</v>
      </c>
      <c r="G657" t="s">
        <v>3401</v>
      </c>
    </row>
    <row r="658" spans="1:7" x14ac:dyDescent="0.2">
      <c r="A658" t="s">
        <v>3402</v>
      </c>
      <c r="B658" t="s">
        <v>3403</v>
      </c>
      <c r="C658" t="s">
        <v>3404</v>
      </c>
      <c r="D658" t="s">
        <v>3405</v>
      </c>
      <c r="E658" t="s">
        <v>17</v>
      </c>
      <c r="F658" t="s">
        <v>3406</v>
      </c>
      <c r="G658" t="s">
        <v>3407</v>
      </c>
    </row>
    <row r="659" spans="1:7" x14ac:dyDescent="0.2">
      <c r="A659" t="s">
        <v>3408</v>
      </c>
      <c r="B659" t="s">
        <v>3409</v>
      </c>
      <c r="C659" t="s">
        <v>3410</v>
      </c>
      <c r="D659" t="s">
        <v>3411</v>
      </c>
      <c r="E659" t="s">
        <v>11</v>
      </c>
      <c r="G659" t="s">
        <v>3412</v>
      </c>
    </row>
    <row r="660" spans="1:7" x14ac:dyDescent="0.2">
      <c r="A660" t="s">
        <v>3413</v>
      </c>
      <c r="B660" t="s">
        <v>3414</v>
      </c>
      <c r="C660" t="s">
        <v>3415</v>
      </c>
      <c r="D660" t="s">
        <v>3416</v>
      </c>
      <c r="E660" t="s">
        <v>11</v>
      </c>
      <c r="G660" t="s">
        <v>3417</v>
      </c>
    </row>
    <row r="661" spans="1:7" x14ac:dyDescent="0.2">
      <c r="A661" t="s">
        <v>3418</v>
      </c>
      <c r="B661" t="s">
        <v>3419</v>
      </c>
      <c r="C661" t="s">
        <v>3420</v>
      </c>
      <c r="D661" t="s">
        <v>3421</v>
      </c>
      <c r="E661" t="s">
        <v>11</v>
      </c>
      <c r="G661" t="s">
        <v>3422</v>
      </c>
    </row>
    <row r="662" spans="1:7" x14ac:dyDescent="0.2">
      <c r="A662" t="s">
        <v>3423</v>
      </c>
      <c r="B662" t="s">
        <v>3424</v>
      </c>
      <c r="C662" t="s">
        <v>3425</v>
      </c>
      <c r="D662" t="s">
        <v>3426</v>
      </c>
      <c r="E662" t="s">
        <v>11</v>
      </c>
      <c r="G662" t="s">
        <v>3427</v>
      </c>
    </row>
    <row r="663" spans="1:7" x14ac:dyDescent="0.2">
      <c r="A663" t="s">
        <v>3428</v>
      </c>
      <c r="B663" t="s">
        <v>3429</v>
      </c>
      <c r="C663" t="s">
        <v>3430</v>
      </c>
      <c r="D663" t="s">
        <v>3431</v>
      </c>
      <c r="E663" t="s">
        <v>11</v>
      </c>
      <c r="G663" t="s">
        <v>3432</v>
      </c>
    </row>
    <row r="664" spans="1:7" x14ac:dyDescent="0.2">
      <c r="A664" t="s">
        <v>3433</v>
      </c>
      <c r="B664" t="s">
        <v>3434</v>
      </c>
      <c r="C664" t="s">
        <v>3435</v>
      </c>
      <c r="D664" t="s">
        <v>3436</v>
      </c>
      <c r="E664" t="s">
        <v>11</v>
      </c>
      <c r="G664" t="s">
        <v>3437</v>
      </c>
    </row>
    <row r="665" spans="1:7" x14ac:dyDescent="0.2">
      <c r="A665" t="s">
        <v>3438</v>
      </c>
      <c r="B665" t="s">
        <v>3439</v>
      </c>
      <c r="C665" t="s">
        <v>3440</v>
      </c>
      <c r="D665" t="s">
        <v>3441</v>
      </c>
      <c r="E665" t="s">
        <v>17</v>
      </c>
      <c r="F665" t="s">
        <v>310</v>
      </c>
      <c r="G665" t="s">
        <v>3442</v>
      </c>
    </row>
    <row r="666" spans="1:7" x14ac:dyDescent="0.2">
      <c r="A666" t="s">
        <v>3443</v>
      </c>
      <c r="B666" t="s">
        <v>3444</v>
      </c>
      <c r="C666" t="s">
        <v>3445</v>
      </c>
      <c r="D666" t="s">
        <v>3446</v>
      </c>
      <c r="E666" t="s">
        <v>11</v>
      </c>
      <c r="G666" t="s">
        <v>3447</v>
      </c>
    </row>
    <row r="667" spans="1:7" x14ac:dyDescent="0.2">
      <c r="A667" t="s">
        <v>3448</v>
      </c>
      <c r="B667" t="s">
        <v>3449</v>
      </c>
      <c r="C667" t="s">
        <v>3450</v>
      </c>
      <c r="D667" t="s">
        <v>3451</v>
      </c>
      <c r="E667" t="s">
        <v>11</v>
      </c>
      <c r="G667" t="s">
        <v>3452</v>
      </c>
    </row>
    <row r="668" spans="1:7" x14ac:dyDescent="0.2">
      <c r="A668" t="s">
        <v>3453</v>
      </c>
      <c r="B668" t="s">
        <v>3454</v>
      </c>
      <c r="C668" t="s">
        <v>3455</v>
      </c>
      <c r="D668" t="s">
        <v>3456</v>
      </c>
      <c r="E668" t="s">
        <v>11</v>
      </c>
      <c r="G668" t="s">
        <v>3457</v>
      </c>
    </row>
    <row r="669" spans="1:7" x14ac:dyDescent="0.2">
      <c r="A669" t="s">
        <v>3458</v>
      </c>
      <c r="B669" t="s">
        <v>3459</v>
      </c>
      <c r="C669" t="s">
        <v>3460</v>
      </c>
      <c r="D669" t="s">
        <v>3461</v>
      </c>
      <c r="E669" t="s">
        <v>17</v>
      </c>
      <c r="F669" t="s">
        <v>45</v>
      </c>
      <c r="G669" t="s">
        <v>3462</v>
      </c>
    </row>
    <row r="670" spans="1:7" x14ac:dyDescent="0.2">
      <c r="A670" t="s">
        <v>3463</v>
      </c>
      <c r="B670" t="s">
        <v>3464</v>
      </c>
      <c r="C670" t="s">
        <v>3465</v>
      </c>
      <c r="D670" t="s">
        <v>3466</v>
      </c>
      <c r="E670" t="s">
        <v>11</v>
      </c>
      <c r="G670" t="s">
        <v>3467</v>
      </c>
    </row>
    <row r="671" spans="1:7" x14ac:dyDescent="0.2">
      <c r="A671" t="s">
        <v>3468</v>
      </c>
      <c r="B671" t="s">
        <v>3469</v>
      </c>
      <c r="C671" t="s">
        <v>3470</v>
      </c>
      <c r="D671" t="s">
        <v>3471</v>
      </c>
      <c r="E671" t="s">
        <v>11</v>
      </c>
      <c r="G671" t="s">
        <v>3472</v>
      </c>
    </row>
    <row r="672" spans="1:7" x14ac:dyDescent="0.2">
      <c r="A672" t="s">
        <v>3473</v>
      </c>
      <c r="B672" t="s">
        <v>3474</v>
      </c>
      <c r="C672" t="s">
        <v>3475</v>
      </c>
      <c r="D672" t="s">
        <v>2796</v>
      </c>
      <c r="E672" t="s">
        <v>63</v>
      </c>
      <c r="F672" t="s">
        <v>3476</v>
      </c>
      <c r="G672" t="s">
        <v>3477</v>
      </c>
    </row>
    <row r="673" spans="1:7" x14ac:dyDescent="0.2">
      <c r="A673" t="s">
        <v>3478</v>
      </c>
      <c r="B673" t="s">
        <v>3479</v>
      </c>
      <c r="C673" t="s">
        <v>3480</v>
      </c>
      <c r="D673" t="s">
        <v>3481</v>
      </c>
      <c r="E673" t="s">
        <v>11</v>
      </c>
      <c r="G673" t="s">
        <v>3482</v>
      </c>
    </row>
    <row r="674" spans="1:7" x14ac:dyDescent="0.2">
      <c r="A674" t="s">
        <v>3483</v>
      </c>
      <c r="B674" t="s">
        <v>3484</v>
      </c>
      <c r="C674" t="s">
        <v>3485</v>
      </c>
      <c r="D674" t="s">
        <v>3486</v>
      </c>
      <c r="E674" t="s">
        <v>11</v>
      </c>
      <c r="G674" t="s">
        <v>3487</v>
      </c>
    </row>
    <row r="675" spans="1:7" x14ac:dyDescent="0.2">
      <c r="A675" t="s">
        <v>3488</v>
      </c>
      <c r="B675" t="s">
        <v>3489</v>
      </c>
      <c r="C675" t="s">
        <v>3490</v>
      </c>
      <c r="D675" t="s">
        <v>3491</v>
      </c>
      <c r="E675" t="s">
        <v>17</v>
      </c>
      <c r="F675" t="s">
        <v>3492</v>
      </c>
      <c r="G675" t="s">
        <v>3493</v>
      </c>
    </row>
    <row r="676" spans="1:7" x14ac:dyDescent="0.2">
      <c r="A676" t="s">
        <v>3494</v>
      </c>
      <c r="B676" t="s">
        <v>3495</v>
      </c>
      <c r="C676" t="s">
        <v>3496</v>
      </c>
      <c r="D676" t="s">
        <v>3497</v>
      </c>
      <c r="E676" t="s">
        <v>11</v>
      </c>
      <c r="G676" t="s">
        <v>3498</v>
      </c>
    </row>
    <row r="677" spans="1:7" x14ac:dyDescent="0.2">
      <c r="A677" t="s">
        <v>3499</v>
      </c>
      <c r="B677" t="s">
        <v>3500</v>
      </c>
      <c r="C677" t="s">
        <v>3501</v>
      </c>
      <c r="D677" t="s">
        <v>3502</v>
      </c>
      <c r="E677" t="s">
        <v>11</v>
      </c>
      <c r="G677" t="s">
        <v>3503</v>
      </c>
    </row>
    <row r="678" spans="1:7" x14ac:dyDescent="0.2">
      <c r="A678" t="s">
        <v>3504</v>
      </c>
      <c r="B678" t="s">
        <v>3505</v>
      </c>
      <c r="C678" t="s">
        <v>3506</v>
      </c>
      <c r="D678" t="s">
        <v>3507</v>
      </c>
      <c r="E678" t="s">
        <v>11</v>
      </c>
      <c r="G678" t="s">
        <v>3508</v>
      </c>
    </row>
    <row r="679" spans="1:7" x14ac:dyDescent="0.2">
      <c r="A679" t="s">
        <v>3509</v>
      </c>
      <c r="B679" t="s">
        <v>3510</v>
      </c>
      <c r="C679" t="s">
        <v>3511</v>
      </c>
      <c r="D679" t="s">
        <v>3512</v>
      </c>
      <c r="E679" t="s">
        <v>11</v>
      </c>
      <c r="G679" t="s">
        <v>3513</v>
      </c>
    </row>
    <row r="680" spans="1:7" x14ac:dyDescent="0.2">
      <c r="A680" t="s">
        <v>3514</v>
      </c>
      <c r="B680" t="s">
        <v>3515</v>
      </c>
      <c r="C680" t="s">
        <v>3516</v>
      </c>
      <c r="D680" t="s">
        <v>3517</v>
      </c>
      <c r="E680" t="s">
        <v>11</v>
      </c>
      <c r="G680" t="s">
        <v>3518</v>
      </c>
    </row>
    <row r="681" spans="1:7" x14ac:dyDescent="0.2">
      <c r="A681" t="s">
        <v>3519</v>
      </c>
      <c r="B681" t="s">
        <v>3520</v>
      </c>
      <c r="C681" t="s">
        <v>3521</v>
      </c>
      <c r="D681" t="s">
        <v>3522</v>
      </c>
      <c r="E681" t="s">
        <v>11</v>
      </c>
      <c r="G681" t="s">
        <v>3523</v>
      </c>
    </row>
    <row r="682" spans="1:7" x14ac:dyDescent="0.2">
      <c r="A682" t="s">
        <v>3524</v>
      </c>
      <c r="B682" t="s">
        <v>3525</v>
      </c>
      <c r="C682" t="s">
        <v>3526</v>
      </c>
      <c r="D682" t="s">
        <v>3527</v>
      </c>
      <c r="E682" t="s">
        <v>11</v>
      </c>
      <c r="G682" t="s">
        <v>3528</v>
      </c>
    </row>
    <row r="683" spans="1:7" x14ac:dyDescent="0.2">
      <c r="A683" t="s">
        <v>3529</v>
      </c>
      <c r="B683" t="s">
        <v>3530</v>
      </c>
      <c r="C683" t="s">
        <v>3531</v>
      </c>
      <c r="D683" t="s">
        <v>3532</v>
      </c>
      <c r="E683" t="s">
        <v>287</v>
      </c>
      <c r="F683" t="s">
        <v>3533</v>
      </c>
      <c r="G683" t="s">
        <v>3534</v>
      </c>
    </row>
    <row r="684" spans="1:7" x14ac:dyDescent="0.2">
      <c r="A684" t="s">
        <v>3535</v>
      </c>
      <c r="B684" t="s">
        <v>3536</v>
      </c>
      <c r="C684" t="s">
        <v>3537</v>
      </c>
      <c r="D684" t="s">
        <v>3538</v>
      </c>
      <c r="E684" t="s">
        <v>11</v>
      </c>
      <c r="G684" t="s">
        <v>3539</v>
      </c>
    </row>
    <row r="685" spans="1:7" x14ac:dyDescent="0.2">
      <c r="A685" t="s">
        <v>3540</v>
      </c>
      <c r="B685" t="s">
        <v>3541</v>
      </c>
      <c r="C685" t="s">
        <v>3542</v>
      </c>
      <c r="D685" t="s">
        <v>3543</v>
      </c>
      <c r="E685" t="s">
        <v>11</v>
      </c>
      <c r="G685" t="s">
        <v>3544</v>
      </c>
    </row>
    <row r="686" spans="1:7" x14ac:dyDescent="0.2">
      <c r="A686" t="s">
        <v>3545</v>
      </c>
      <c r="B686" t="s">
        <v>3546</v>
      </c>
      <c r="C686" t="s">
        <v>3547</v>
      </c>
      <c r="D686" t="s">
        <v>3548</v>
      </c>
      <c r="E686" t="s">
        <v>11</v>
      </c>
      <c r="G686" t="s">
        <v>3549</v>
      </c>
    </row>
    <row r="687" spans="1:7" x14ac:dyDescent="0.2">
      <c r="A687" t="s">
        <v>3550</v>
      </c>
      <c r="B687" t="s">
        <v>3551</v>
      </c>
      <c r="C687" t="s">
        <v>3552</v>
      </c>
      <c r="D687" t="s">
        <v>3553</v>
      </c>
      <c r="E687" t="s">
        <v>11</v>
      </c>
      <c r="G687" t="s">
        <v>3554</v>
      </c>
    </row>
    <row r="688" spans="1:7" x14ac:dyDescent="0.2">
      <c r="A688" t="s">
        <v>3555</v>
      </c>
      <c r="B688" t="s">
        <v>3556</v>
      </c>
      <c r="C688" t="s">
        <v>3557</v>
      </c>
      <c r="D688" t="s">
        <v>3558</v>
      </c>
      <c r="E688" t="s">
        <v>11</v>
      </c>
      <c r="G688" t="s">
        <v>3559</v>
      </c>
    </row>
    <row r="689" spans="1:7" x14ac:dyDescent="0.2">
      <c r="A689" t="s">
        <v>3560</v>
      </c>
      <c r="B689" t="s">
        <v>3561</v>
      </c>
      <c r="C689" t="s">
        <v>3562</v>
      </c>
      <c r="D689" t="s">
        <v>3563</v>
      </c>
      <c r="E689" t="s">
        <v>11</v>
      </c>
      <c r="G689" t="s">
        <v>3564</v>
      </c>
    </row>
    <row r="690" spans="1:7" x14ac:dyDescent="0.2">
      <c r="A690" t="s">
        <v>3565</v>
      </c>
      <c r="B690" t="s">
        <v>3566</v>
      </c>
      <c r="C690" t="s">
        <v>3567</v>
      </c>
      <c r="D690" t="s">
        <v>3568</v>
      </c>
      <c r="E690" t="s">
        <v>11</v>
      </c>
      <c r="G690" t="s">
        <v>3569</v>
      </c>
    </row>
    <row r="691" spans="1:7" x14ac:dyDescent="0.2">
      <c r="A691" t="s">
        <v>3570</v>
      </c>
      <c r="B691" t="s">
        <v>3571</v>
      </c>
      <c r="C691" t="s">
        <v>3572</v>
      </c>
      <c r="D691" t="s">
        <v>3573</v>
      </c>
      <c r="E691" t="s">
        <v>11</v>
      </c>
      <c r="G691" t="s">
        <v>3574</v>
      </c>
    </row>
    <row r="692" spans="1:7" x14ac:dyDescent="0.2">
      <c r="A692" t="s">
        <v>3575</v>
      </c>
      <c r="B692" t="s">
        <v>3576</v>
      </c>
      <c r="C692" t="s">
        <v>3577</v>
      </c>
      <c r="D692" t="s">
        <v>3578</v>
      </c>
      <c r="E692" t="s">
        <v>63</v>
      </c>
      <c r="F692" t="s">
        <v>3579</v>
      </c>
      <c r="G692" t="s">
        <v>3580</v>
      </c>
    </row>
    <row r="693" spans="1:7" x14ac:dyDescent="0.2">
      <c r="A693" t="s">
        <v>3581</v>
      </c>
      <c r="B693" t="s">
        <v>3582</v>
      </c>
      <c r="C693" t="s">
        <v>3583</v>
      </c>
      <c r="D693" t="s">
        <v>3578</v>
      </c>
      <c r="E693" t="s">
        <v>11</v>
      </c>
      <c r="F693" t="s">
        <v>3584</v>
      </c>
      <c r="G693" t="s">
        <v>3585</v>
      </c>
    </row>
    <row r="694" spans="1:7" x14ac:dyDescent="0.2">
      <c r="A694" t="s">
        <v>3586</v>
      </c>
      <c r="B694" t="s">
        <v>3587</v>
      </c>
      <c r="C694" t="s">
        <v>3588</v>
      </c>
      <c r="D694" t="s">
        <v>3589</v>
      </c>
      <c r="E694" t="s">
        <v>17</v>
      </c>
      <c r="F694" t="s">
        <v>70</v>
      </c>
      <c r="G694" t="s">
        <v>3590</v>
      </c>
    </row>
    <row r="695" spans="1:7" x14ac:dyDescent="0.2">
      <c r="A695" t="s">
        <v>3591</v>
      </c>
      <c r="B695" t="s">
        <v>3592</v>
      </c>
      <c r="C695" t="s">
        <v>3593</v>
      </c>
      <c r="D695" t="s">
        <v>3594</v>
      </c>
      <c r="E695" t="s">
        <v>11</v>
      </c>
      <c r="G695" t="s">
        <v>3595</v>
      </c>
    </row>
    <row r="696" spans="1:7" x14ac:dyDescent="0.2">
      <c r="A696" t="s">
        <v>3596</v>
      </c>
      <c r="B696" t="s">
        <v>3597</v>
      </c>
      <c r="C696" t="s">
        <v>3598</v>
      </c>
      <c r="D696" t="s">
        <v>3599</v>
      </c>
      <c r="E696" t="s">
        <v>63</v>
      </c>
      <c r="F696" t="s">
        <v>3600</v>
      </c>
      <c r="G696" t="s">
        <v>3601</v>
      </c>
    </row>
    <row r="697" spans="1:7" x14ac:dyDescent="0.2">
      <c r="A697" t="s">
        <v>3602</v>
      </c>
      <c r="B697" t="s">
        <v>3603</v>
      </c>
      <c r="C697" t="s">
        <v>3604</v>
      </c>
      <c r="D697" t="s">
        <v>3605</v>
      </c>
      <c r="E697" t="s">
        <v>11</v>
      </c>
      <c r="G697" t="s">
        <v>3606</v>
      </c>
    </row>
    <row r="698" spans="1:7" x14ac:dyDescent="0.2">
      <c r="A698" t="s">
        <v>3607</v>
      </c>
      <c r="B698" t="s">
        <v>3608</v>
      </c>
      <c r="C698" t="s">
        <v>3609</v>
      </c>
      <c r="D698" t="s">
        <v>3610</v>
      </c>
      <c r="E698" t="s">
        <v>17</v>
      </c>
      <c r="F698" t="s">
        <v>70</v>
      </c>
      <c r="G698" t="s">
        <v>3611</v>
      </c>
    </row>
    <row r="699" spans="1:7" x14ac:dyDescent="0.2">
      <c r="A699" t="s">
        <v>3612</v>
      </c>
      <c r="B699" t="s">
        <v>3613</v>
      </c>
      <c r="C699" t="s">
        <v>3614</v>
      </c>
      <c r="D699" t="s">
        <v>3615</v>
      </c>
      <c r="E699" t="s">
        <v>17</v>
      </c>
      <c r="F699" t="s">
        <v>2558</v>
      </c>
      <c r="G699" t="s">
        <v>3616</v>
      </c>
    </row>
    <row r="700" spans="1:7" x14ac:dyDescent="0.2">
      <c r="A700" t="s">
        <v>3617</v>
      </c>
      <c r="B700" t="s">
        <v>3618</v>
      </c>
      <c r="C700" t="s">
        <v>3619</v>
      </c>
      <c r="D700" t="s">
        <v>3620</v>
      </c>
      <c r="E700" t="s">
        <v>11</v>
      </c>
      <c r="G700" t="s">
        <v>3621</v>
      </c>
    </row>
    <row r="701" spans="1:7" x14ac:dyDescent="0.2">
      <c r="A701" t="s">
        <v>3622</v>
      </c>
      <c r="B701" t="s">
        <v>3623</v>
      </c>
      <c r="C701" t="s">
        <v>3624</v>
      </c>
      <c r="D701" t="s">
        <v>3625</v>
      </c>
      <c r="E701" t="s">
        <v>11</v>
      </c>
      <c r="G701" t="s">
        <v>3626</v>
      </c>
    </row>
    <row r="702" spans="1:7" x14ac:dyDescent="0.2">
      <c r="A702" t="s">
        <v>3627</v>
      </c>
      <c r="B702" t="s">
        <v>3628</v>
      </c>
      <c r="C702" t="s">
        <v>3629</v>
      </c>
      <c r="D702" t="s">
        <v>3630</v>
      </c>
      <c r="E702" t="s">
        <v>17</v>
      </c>
      <c r="F702" t="s">
        <v>3631</v>
      </c>
      <c r="G702" t="s">
        <v>3632</v>
      </c>
    </row>
    <row r="703" spans="1:7" x14ac:dyDescent="0.2">
      <c r="A703" t="s">
        <v>3633</v>
      </c>
      <c r="B703" t="s">
        <v>3634</v>
      </c>
      <c r="C703" t="s">
        <v>3635</v>
      </c>
      <c r="D703" t="s">
        <v>3636</v>
      </c>
      <c r="E703" t="s">
        <v>17</v>
      </c>
      <c r="F703" t="s">
        <v>70</v>
      </c>
      <c r="G703" t="s">
        <v>3637</v>
      </c>
    </row>
    <row r="704" spans="1:7" x14ac:dyDescent="0.2">
      <c r="A704" t="s">
        <v>3638</v>
      </c>
      <c r="B704" t="s">
        <v>3639</v>
      </c>
      <c r="C704" t="s">
        <v>3640</v>
      </c>
      <c r="D704" t="s">
        <v>3641</v>
      </c>
      <c r="E704" t="s">
        <v>11</v>
      </c>
      <c r="G704" t="s">
        <v>3642</v>
      </c>
    </row>
    <row r="705" spans="1:7" x14ac:dyDescent="0.2">
      <c r="A705" t="s">
        <v>3643</v>
      </c>
      <c r="B705" t="s">
        <v>3644</v>
      </c>
      <c r="C705" t="s">
        <v>3645</v>
      </c>
      <c r="D705" t="s">
        <v>3646</v>
      </c>
      <c r="E705" t="s">
        <v>11</v>
      </c>
      <c r="G705" t="s">
        <v>3647</v>
      </c>
    </row>
    <row r="706" spans="1:7" x14ac:dyDescent="0.2">
      <c r="A706" t="s">
        <v>3648</v>
      </c>
      <c r="B706" t="s">
        <v>3649</v>
      </c>
      <c r="C706" t="s">
        <v>3650</v>
      </c>
      <c r="D706" t="s">
        <v>3651</v>
      </c>
      <c r="E706" t="s">
        <v>17</v>
      </c>
      <c r="F706" t="s">
        <v>3652</v>
      </c>
      <c r="G706" t="s">
        <v>3653</v>
      </c>
    </row>
    <row r="707" spans="1:7" x14ac:dyDescent="0.2">
      <c r="A707" t="s">
        <v>3654</v>
      </c>
      <c r="B707" t="s">
        <v>3655</v>
      </c>
      <c r="C707" t="s">
        <v>3656</v>
      </c>
      <c r="D707" t="s">
        <v>3657</v>
      </c>
      <c r="E707" t="s">
        <v>11</v>
      </c>
      <c r="G707" t="s">
        <v>3658</v>
      </c>
    </row>
    <row r="708" spans="1:7" x14ac:dyDescent="0.2">
      <c r="A708" t="s">
        <v>3659</v>
      </c>
      <c r="B708" t="s">
        <v>3660</v>
      </c>
      <c r="C708" t="s">
        <v>3661</v>
      </c>
      <c r="D708" t="s">
        <v>3662</v>
      </c>
      <c r="E708" t="s">
        <v>11</v>
      </c>
      <c r="G708" t="s">
        <v>3663</v>
      </c>
    </row>
    <row r="709" spans="1:7" x14ac:dyDescent="0.2">
      <c r="A709" t="s">
        <v>3664</v>
      </c>
      <c r="B709" t="s">
        <v>3665</v>
      </c>
      <c r="C709" t="s">
        <v>3666</v>
      </c>
      <c r="D709" t="s">
        <v>3667</v>
      </c>
      <c r="E709" t="s">
        <v>11</v>
      </c>
      <c r="G709" t="s">
        <v>3668</v>
      </c>
    </row>
    <row r="710" spans="1:7" x14ac:dyDescent="0.2">
      <c r="A710" t="s">
        <v>3669</v>
      </c>
      <c r="B710" t="s">
        <v>3670</v>
      </c>
      <c r="C710" t="s">
        <v>3671</v>
      </c>
      <c r="D710" t="s">
        <v>3672</v>
      </c>
      <c r="E710" t="s">
        <v>11</v>
      </c>
      <c r="G710" t="s">
        <v>3673</v>
      </c>
    </row>
    <row r="711" spans="1:7" x14ac:dyDescent="0.2">
      <c r="A711" t="s">
        <v>3674</v>
      </c>
      <c r="B711" t="s">
        <v>3675</v>
      </c>
      <c r="C711" t="s">
        <v>3676</v>
      </c>
      <c r="D711" t="s">
        <v>3677</v>
      </c>
      <c r="E711" t="s">
        <v>17</v>
      </c>
      <c r="G711" t="s">
        <v>3678</v>
      </c>
    </row>
    <row r="712" spans="1:7" x14ac:dyDescent="0.2">
      <c r="A712" t="s">
        <v>3679</v>
      </c>
      <c r="B712" t="s">
        <v>3680</v>
      </c>
      <c r="C712" t="s">
        <v>3681</v>
      </c>
      <c r="D712" t="s">
        <v>3682</v>
      </c>
      <c r="E712" t="s">
        <v>11</v>
      </c>
      <c r="F712" t="s">
        <v>3683</v>
      </c>
      <c r="G712" t="s">
        <v>3684</v>
      </c>
    </row>
    <row r="713" spans="1:7" x14ac:dyDescent="0.2">
      <c r="A713" t="s">
        <v>3685</v>
      </c>
      <c r="B713" t="s">
        <v>3686</v>
      </c>
      <c r="C713" t="s">
        <v>3687</v>
      </c>
      <c r="D713" t="s">
        <v>3688</v>
      </c>
      <c r="E713" t="s">
        <v>17</v>
      </c>
      <c r="F713" t="s">
        <v>986</v>
      </c>
      <c r="G713" t="s">
        <v>3689</v>
      </c>
    </row>
    <row r="714" spans="1:7" x14ac:dyDescent="0.2">
      <c r="A714" t="s">
        <v>3690</v>
      </c>
      <c r="B714" t="s">
        <v>3691</v>
      </c>
      <c r="C714" t="s">
        <v>3692</v>
      </c>
      <c r="D714" t="s">
        <v>3693</v>
      </c>
      <c r="E714" t="s">
        <v>17</v>
      </c>
      <c r="F714" t="s">
        <v>3694</v>
      </c>
      <c r="G714" t="s">
        <v>3695</v>
      </c>
    </row>
    <row r="715" spans="1:7" x14ac:dyDescent="0.2">
      <c r="A715" t="s">
        <v>3696</v>
      </c>
      <c r="B715" t="s">
        <v>3697</v>
      </c>
      <c r="C715" t="s">
        <v>3698</v>
      </c>
      <c r="D715" t="s">
        <v>3699</v>
      </c>
      <c r="E715" t="s">
        <v>11</v>
      </c>
      <c r="G715" t="s">
        <v>3700</v>
      </c>
    </row>
    <row r="716" spans="1:7" x14ac:dyDescent="0.2">
      <c r="A716" t="s">
        <v>3701</v>
      </c>
      <c r="B716" t="s">
        <v>3702</v>
      </c>
      <c r="C716" t="s">
        <v>3703</v>
      </c>
      <c r="D716" t="s">
        <v>3704</v>
      </c>
      <c r="E716" t="s">
        <v>17</v>
      </c>
      <c r="F716" t="s">
        <v>3705</v>
      </c>
      <c r="G716" t="s">
        <v>3706</v>
      </c>
    </row>
    <row r="717" spans="1:7" x14ac:dyDescent="0.2">
      <c r="A717" t="s">
        <v>3707</v>
      </c>
      <c r="B717" t="s">
        <v>3708</v>
      </c>
      <c r="C717" t="s">
        <v>3709</v>
      </c>
      <c r="D717" t="s">
        <v>3710</v>
      </c>
      <c r="E717" t="s">
        <v>11</v>
      </c>
      <c r="G717" t="s">
        <v>3711</v>
      </c>
    </row>
    <row r="718" spans="1:7" x14ac:dyDescent="0.2">
      <c r="A718" t="s">
        <v>3712</v>
      </c>
      <c r="B718" t="s">
        <v>3713</v>
      </c>
      <c r="C718" t="s">
        <v>3714</v>
      </c>
      <c r="D718" t="s">
        <v>3715</v>
      </c>
      <c r="E718" t="s">
        <v>17</v>
      </c>
      <c r="F718" t="s">
        <v>3716</v>
      </c>
      <c r="G718" t="s">
        <v>3717</v>
      </c>
    </row>
    <row r="719" spans="1:7" x14ac:dyDescent="0.2">
      <c r="A719" t="s">
        <v>3718</v>
      </c>
      <c r="B719" t="s">
        <v>3719</v>
      </c>
      <c r="C719" t="s">
        <v>3720</v>
      </c>
      <c r="D719" t="s">
        <v>3721</v>
      </c>
      <c r="E719" t="s">
        <v>17</v>
      </c>
      <c r="F719" t="s">
        <v>3722</v>
      </c>
      <c r="G719" t="s">
        <v>3723</v>
      </c>
    </row>
    <row r="720" spans="1:7" x14ac:dyDescent="0.2">
      <c r="A720" t="s">
        <v>3724</v>
      </c>
      <c r="B720" t="s">
        <v>3725</v>
      </c>
      <c r="C720" t="s">
        <v>3726</v>
      </c>
      <c r="D720" t="s">
        <v>3727</v>
      </c>
      <c r="E720" t="s">
        <v>17</v>
      </c>
      <c r="F720" t="s">
        <v>3722</v>
      </c>
      <c r="G720" t="s">
        <v>3728</v>
      </c>
    </row>
    <row r="721" spans="1:7" x14ac:dyDescent="0.2">
      <c r="A721" t="s">
        <v>3729</v>
      </c>
      <c r="B721" t="s">
        <v>3730</v>
      </c>
      <c r="C721" t="s">
        <v>3731</v>
      </c>
      <c r="D721" t="s">
        <v>3732</v>
      </c>
      <c r="E721" t="s">
        <v>17</v>
      </c>
      <c r="F721" t="s">
        <v>3733</v>
      </c>
      <c r="G721" t="s">
        <v>3734</v>
      </c>
    </row>
    <row r="722" spans="1:7" x14ac:dyDescent="0.2">
      <c r="A722" t="s">
        <v>3735</v>
      </c>
      <c r="B722" t="s">
        <v>3736</v>
      </c>
      <c r="C722" t="s">
        <v>3737</v>
      </c>
      <c r="D722" t="s">
        <v>3738</v>
      </c>
      <c r="E722" t="s">
        <v>11</v>
      </c>
      <c r="G722" t="s">
        <v>3739</v>
      </c>
    </row>
    <row r="723" spans="1:7" x14ac:dyDescent="0.2">
      <c r="A723" t="s">
        <v>3740</v>
      </c>
      <c r="B723" t="s">
        <v>3741</v>
      </c>
      <c r="C723" t="s">
        <v>3742</v>
      </c>
      <c r="D723" t="s">
        <v>3743</v>
      </c>
      <c r="E723" t="s">
        <v>17</v>
      </c>
      <c r="F723" t="s">
        <v>3744</v>
      </c>
      <c r="G723" t="s">
        <v>3745</v>
      </c>
    </row>
    <row r="724" spans="1:7" x14ac:dyDescent="0.2">
      <c r="A724" t="s">
        <v>3746</v>
      </c>
      <c r="B724" t="s">
        <v>3747</v>
      </c>
      <c r="C724" t="s">
        <v>3748</v>
      </c>
      <c r="D724" t="s">
        <v>3749</v>
      </c>
      <c r="E724" t="s">
        <v>17</v>
      </c>
      <c r="F724" t="s">
        <v>98</v>
      </c>
      <c r="G724" t="s">
        <v>3750</v>
      </c>
    </row>
    <row r="725" spans="1:7" x14ac:dyDescent="0.2">
      <c r="A725" t="s">
        <v>3751</v>
      </c>
      <c r="B725" t="s">
        <v>3752</v>
      </c>
      <c r="C725" t="s">
        <v>3753</v>
      </c>
      <c r="D725" t="s">
        <v>3754</v>
      </c>
      <c r="E725" t="s">
        <v>17</v>
      </c>
      <c r="F725" t="s">
        <v>45</v>
      </c>
      <c r="G725" t="s">
        <v>3755</v>
      </c>
    </row>
    <row r="726" spans="1:7" x14ac:dyDescent="0.2">
      <c r="A726" t="s">
        <v>3756</v>
      </c>
      <c r="B726" t="s">
        <v>3757</v>
      </c>
      <c r="C726" t="s">
        <v>3758</v>
      </c>
      <c r="D726" t="s">
        <v>3759</v>
      </c>
      <c r="E726" t="s">
        <v>17</v>
      </c>
      <c r="F726" t="s">
        <v>70</v>
      </c>
      <c r="G726" t="s">
        <v>3760</v>
      </c>
    </row>
    <row r="727" spans="1:7" x14ac:dyDescent="0.2">
      <c r="A727" t="s">
        <v>3761</v>
      </c>
      <c r="B727" t="s">
        <v>3762</v>
      </c>
      <c r="C727" t="s">
        <v>3763</v>
      </c>
      <c r="D727" t="s">
        <v>3764</v>
      </c>
      <c r="E727" t="s">
        <v>17</v>
      </c>
      <c r="F727" t="s">
        <v>70</v>
      </c>
      <c r="G727" t="s">
        <v>3765</v>
      </c>
    </row>
    <row r="728" spans="1:7" x14ac:dyDescent="0.2">
      <c r="A728" t="s">
        <v>3766</v>
      </c>
      <c r="B728" t="s">
        <v>3767</v>
      </c>
      <c r="C728" t="s">
        <v>3768</v>
      </c>
      <c r="D728" t="s">
        <v>3769</v>
      </c>
      <c r="E728" t="s">
        <v>17</v>
      </c>
      <c r="F728" t="s">
        <v>310</v>
      </c>
      <c r="G728" t="s">
        <v>3770</v>
      </c>
    </row>
    <row r="729" spans="1:7" x14ac:dyDescent="0.2">
      <c r="A729" t="s">
        <v>3771</v>
      </c>
      <c r="B729" t="s">
        <v>3772</v>
      </c>
      <c r="C729" t="s">
        <v>3773</v>
      </c>
      <c r="D729" t="s">
        <v>3774</v>
      </c>
      <c r="E729" t="s">
        <v>11</v>
      </c>
      <c r="G729" t="s">
        <v>3775</v>
      </c>
    </row>
    <row r="730" spans="1:7" x14ac:dyDescent="0.2">
      <c r="A730" t="s">
        <v>3776</v>
      </c>
      <c r="B730" t="s">
        <v>3777</v>
      </c>
      <c r="C730" t="s">
        <v>3778</v>
      </c>
      <c r="D730" t="s">
        <v>3779</v>
      </c>
      <c r="E730" t="s">
        <v>11</v>
      </c>
      <c r="G730" t="s">
        <v>3780</v>
      </c>
    </row>
    <row r="731" spans="1:7" x14ac:dyDescent="0.2">
      <c r="A731" t="s">
        <v>3781</v>
      </c>
      <c r="B731" t="s">
        <v>3782</v>
      </c>
      <c r="C731" t="s">
        <v>3783</v>
      </c>
      <c r="D731" t="s">
        <v>3784</v>
      </c>
      <c r="E731" t="s">
        <v>11</v>
      </c>
      <c r="G731" t="s">
        <v>3785</v>
      </c>
    </row>
    <row r="732" spans="1:7" x14ac:dyDescent="0.2">
      <c r="A732" t="s">
        <v>3786</v>
      </c>
      <c r="B732" t="s">
        <v>3787</v>
      </c>
      <c r="C732" t="s">
        <v>3788</v>
      </c>
      <c r="D732" t="s">
        <v>3789</v>
      </c>
      <c r="E732" t="s">
        <v>287</v>
      </c>
      <c r="F732" t="s">
        <v>1628</v>
      </c>
      <c r="G732" t="s">
        <v>3790</v>
      </c>
    </row>
    <row r="733" spans="1:7" x14ac:dyDescent="0.2">
      <c r="A733" t="s">
        <v>3791</v>
      </c>
      <c r="B733" t="s">
        <v>3792</v>
      </c>
      <c r="C733" t="s">
        <v>3793</v>
      </c>
      <c r="D733" t="s">
        <v>3794</v>
      </c>
      <c r="E733" t="s">
        <v>11</v>
      </c>
      <c r="G733" t="s">
        <v>3795</v>
      </c>
    </row>
    <row r="734" spans="1:7" x14ac:dyDescent="0.2">
      <c r="A734" t="s">
        <v>3796</v>
      </c>
      <c r="B734" t="s">
        <v>3797</v>
      </c>
      <c r="C734" t="s">
        <v>3798</v>
      </c>
      <c r="D734" t="s">
        <v>3799</v>
      </c>
      <c r="E734" t="s">
        <v>11</v>
      </c>
      <c r="G734" t="s">
        <v>3800</v>
      </c>
    </row>
    <row r="735" spans="1:7" x14ac:dyDescent="0.2">
      <c r="A735" t="s">
        <v>3801</v>
      </c>
      <c r="B735" t="s">
        <v>3802</v>
      </c>
      <c r="C735" t="s">
        <v>3803</v>
      </c>
      <c r="D735" t="s">
        <v>3799</v>
      </c>
      <c r="E735" t="s">
        <v>11</v>
      </c>
      <c r="G735" t="s">
        <v>3804</v>
      </c>
    </row>
    <row r="736" spans="1:7" x14ac:dyDescent="0.2">
      <c r="A736" t="s">
        <v>3805</v>
      </c>
      <c r="B736" t="s">
        <v>3806</v>
      </c>
      <c r="C736" t="s">
        <v>3807</v>
      </c>
      <c r="D736" t="s">
        <v>3808</v>
      </c>
      <c r="E736" t="s">
        <v>11</v>
      </c>
      <c r="G736" t="s">
        <v>3809</v>
      </c>
    </row>
    <row r="737" spans="1:7" x14ac:dyDescent="0.2">
      <c r="A737" t="s">
        <v>3810</v>
      </c>
      <c r="B737" t="s">
        <v>3811</v>
      </c>
      <c r="C737" t="s">
        <v>3812</v>
      </c>
      <c r="D737" t="s">
        <v>3813</v>
      </c>
      <c r="E737" t="s">
        <v>11</v>
      </c>
      <c r="G737" t="s">
        <v>3814</v>
      </c>
    </row>
    <row r="738" spans="1:7" x14ac:dyDescent="0.2">
      <c r="A738" t="s">
        <v>3815</v>
      </c>
      <c r="B738" t="s">
        <v>3816</v>
      </c>
      <c r="C738" t="s">
        <v>3817</v>
      </c>
      <c r="D738" t="s">
        <v>3818</v>
      </c>
      <c r="E738" t="s">
        <v>11</v>
      </c>
      <c r="G738" t="s">
        <v>3819</v>
      </c>
    </row>
    <row r="739" spans="1:7" x14ac:dyDescent="0.2">
      <c r="A739" t="s">
        <v>3820</v>
      </c>
      <c r="B739" t="s">
        <v>3821</v>
      </c>
      <c r="C739" t="s">
        <v>3822</v>
      </c>
      <c r="D739" t="s">
        <v>3823</v>
      </c>
      <c r="E739" t="s">
        <v>11</v>
      </c>
      <c r="G739" t="s">
        <v>3824</v>
      </c>
    </row>
    <row r="740" spans="1:7" x14ac:dyDescent="0.2">
      <c r="A740" t="s">
        <v>3825</v>
      </c>
      <c r="B740" t="s">
        <v>3826</v>
      </c>
      <c r="C740" t="s">
        <v>3827</v>
      </c>
      <c r="D740" t="s">
        <v>3828</v>
      </c>
      <c r="E740" t="s">
        <v>11</v>
      </c>
      <c r="G740" t="s">
        <v>3829</v>
      </c>
    </row>
    <row r="741" spans="1:7" x14ac:dyDescent="0.2">
      <c r="A741" t="s">
        <v>3830</v>
      </c>
      <c r="B741" t="s">
        <v>3831</v>
      </c>
      <c r="C741" t="s">
        <v>3832</v>
      </c>
      <c r="D741" t="s">
        <v>3833</v>
      </c>
      <c r="E741" t="s">
        <v>11</v>
      </c>
      <c r="G741" t="s">
        <v>3834</v>
      </c>
    </row>
    <row r="742" spans="1:7" x14ac:dyDescent="0.2">
      <c r="A742" t="s">
        <v>3835</v>
      </c>
      <c r="B742" t="s">
        <v>3836</v>
      </c>
      <c r="C742" t="s">
        <v>3837</v>
      </c>
      <c r="D742" t="s">
        <v>3833</v>
      </c>
      <c r="E742" t="s">
        <v>11</v>
      </c>
      <c r="G742" t="s">
        <v>3838</v>
      </c>
    </row>
    <row r="743" spans="1:7" x14ac:dyDescent="0.2">
      <c r="A743" t="s">
        <v>3839</v>
      </c>
      <c r="B743" t="s">
        <v>3840</v>
      </c>
      <c r="C743" t="s">
        <v>3841</v>
      </c>
      <c r="D743" t="s">
        <v>3842</v>
      </c>
      <c r="E743" t="s">
        <v>11</v>
      </c>
      <c r="G743" t="s">
        <v>3843</v>
      </c>
    </row>
    <row r="744" spans="1:7" x14ac:dyDescent="0.2">
      <c r="A744" t="s">
        <v>3844</v>
      </c>
      <c r="B744" t="s">
        <v>3845</v>
      </c>
      <c r="C744" t="s">
        <v>3846</v>
      </c>
      <c r="D744" t="s">
        <v>3847</v>
      </c>
      <c r="E744" t="s">
        <v>11</v>
      </c>
      <c r="G744" t="s">
        <v>3848</v>
      </c>
    </row>
    <row r="745" spans="1:7" x14ac:dyDescent="0.2">
      <c r="A745" t="s">
        <v>3849</v>
      </c>
      <c r="B745" t="s">
        <v>3850</v>
      </c>
      <c r="C745" t="s">
        <v>3851</v>
      </c>
      <c r="D745" t="s">
        <v>3852</v>
      </c>
      <c r="E745" t="s">
        <v>17</v>
      </c>
      <c r="F745" t="s">
        <v>18</v>
      </c>
      <c r="G745" t="s">
        <v>3853</v>
      </c>
    </row>
    <row r="746" spans="1:7" x14ac:dyDescent="0.2">
      <c r="A746" t="s">
        <v>3854</v>
      </c>
      <c r="B746" t="s">
        <v>3855</v>
      </c>
      <c r="C746" t="s">
        <v>3856</v>
      </c>
      <c r="D746" t="s">
        <v>3857</v>
      </c>
      <c r="E746" t="s">
        <v>11</v>
      </c>
      <c r="F746" t="s">
        <v>3858</v>
      </c>
      <c r="G746" t="s">
        <v>3859</v>
      </c>
    </row>
    <row r="747" spans="1:7" x14ac:dyDescent="0.2">
      <c r="A747" t="s">
        <v>3860</v>
      </c>
      <c r="B747" t="s">
        <v>3861</v>
      </c>
      <c r="C747" t="s">
        <v>3862</v>
      </c>
      <c r="D747" t="s">
        <v>3857</v>
      </c>
      <c r="E747" t="s">
        <v>63</v>
      </c>
      <c r="F747" t="s">
        <v>3863</v>
      </c>
      <c r="G747" t="s">
        <v>3864</v>
      </c>
    </row>
    <row r="748" spans="1:7" x14ac:dyDescent="0.2">
      <c r="A748" t="s">
        <v>3865</v>
      </c>
      <c r="B748" t="s">
        <v>3866</v>
      </c>
      <c r="C748" t="s">
        <v>3867</v>
      </c>
      <c r="D748" t="s">
        <v>3868</v>
      </c>
      <c r="E748" t="s">
        <v>11</v>
      </c>
      <c r="G748" t="s">
        <v>3869</v>
      </c>
    </row>
    <row r="749" spans="1:7" x14ac:dyDescent="0.2">
      <c r="A749" t="s">
        <v>3870</v>
      </c>
      <c r="B749" t="s">
        <v>3871</v>
      </c>
      <c r="C749" t="s">
        <v>3872</v>
      </c>
      <c r="D749" t="s">
        <v>3873</v>
      </c>
      <c r="E749" t="s">
        <v>11</v>
      </c>
      <c r="G749" t="s">
        <v>3874</v>
      </c>
    </row>
    <row r="750" spans="1:7" x14ac:dyDescent="0.2">
      <c r="A750" t="s">
        <v>3875</v>
      </c>
      <c r="B750" t="s">
        <v>3876</v>
      </c>
      <c r="C750" t="s">
        <v>3877</v>
      </c>
      <c r="D750" t="s">
        <v>3873</v>
      </c>
      <c r="E750" t="s">
        <v>11</v>
      </c>
      <c r="G750" t="s">
        <v>3878</v>
      </c>
    </row>
    <row r="751" spans="1:7" x14ac:dyDescent="0.2">
      <c r="A751" t="s">
        <v>3879</v>
      </c>
      <c r="B751" t="s">
        <v>3880</v>
      </c>
      <c r="C751" t="s">
        <v>3881</v>
      </c>
      <c r="D751" t="s">
        <v>3882</v>
      </c>
      <c r="E751" t="s">
        <v>11</v>
      </c>
      <c r="G751" t="s">
        <v>3883</v>
      </c>
    </row>
    <row r="752" spans="1:7" x14ac:dyDescent="0.2">
      <c r="A752" t="s">
        <v>3884</v>
      </c>
      <c r="B752" t="s">
        <v>3885</v>
      </c>
      <c r="C752" t="s">
        <v>3886</v>
      </c>
      <c r="D752" t="s">
        <v>3887</v>
      </c>
      <c r="E752" t="s">
        <v>11</v>
      </c>
      <c r="F752" t="s">
        <v>3888</v>
      </c>
      <c r="G752" t="s">
        <v>3889</v>
      </c>
    </row>
    <row r="753" spans="1:7" x14ac:dyDescent="0.2">
      <c r="A753" t="s">
        <v>3890</v>
      </c>
      <c r="B753" t="s">
        <v>3891</v>
      </c>
      <c r="C753" t="s">
        <v>3892</v>
      </c>
      <c r="D753" t="s">
        <v>3887</v>
      </c>
      <c r="E753" t="s">
        <v>63</v>
      </c>
      <c r="F753" t="s">
        <v>3893</v>
      </c>
      <c r="G753" t="s">
        <v>3894</v>
      </c>
    </row>
    <row r="754" spans="1:7" x14ac:dyDescent="0.2">
      <c r="A754" t="s">
        <v>3895</v>
      </c>
      <c r="B754" t="s">
        <v>3896</v>
      </c>
      <c r="C754" t="s">
        <v>3897</v>
      </c>
      <c r="D754" t="s">
        <v>3898</v>
      </c>
      <c r="E754" t="s">
        <v>287</v>
      </c>
      <c r="F754" t="s">
        <v>527</v>
      </c>
      <c r="G754" t="s">
        <v>3899</v>
      </c>
    </row>
    <row r="755" spans="1:7" x14ac:dyDescent="0.2">
      <c r="A755" t="s">
        <v>3900</v>
      </c>
      <c r="B755" t="s">
        <v>3901</v>
      </c>
      <c r="C755" t="s">
        <v>3902</v>
      </c>
      <c r="D755" t="s">
        <v>3903</v>
      </c>
      <c r="E755" t="s">
        <v>11</v>
      </c>
      <c r="G755" t="s">
        <v>3904</v>
      </c>
    </row>
    <row r="756" spans="1:7" x14ac:dyDescent="0.2">
      <c r="A756" t="s">
        <v>3905</v>
      </c>
      <c r="B756" t="s">
        <v>3906</v>
      </c>
      <c r="C756" t="s">
        <v>3907</v>
      </c>
      <c r="D756" t="s">
        <v>3908</v>
      </c>
      <c r="E756" t="s">
        <v>11</v>
      </c>
      <c r="G756" t="s">
        <v>3909</v>
      </c>
    </row>
    <row r="757" spans="1:7" x14ac:dyDescent="0.2">
      <c r="A757" t="s">
        <v>3910</v>
      </c>
      <c r="B757" t="s">
        <v>3911</v>
      </c>
      <c r="C757" t="s">
        <v>3912</v>
      </c>
      <c r="D757" t="s">
        <v>3913</v>
      </c>
      <c r="E757" t="s">
        <v>11</v>
      </c>
      <c r="G757" t="s">
        <v>3914</v>
      </c>
    </row>
    <row r="758" spans="1:7" x14ac:dyDescent="0.2">
      <c r="A758" t="s">
        <v>3915</v>
      </c>
      <c r="B758" t="s">
        <v>3916</v>
      </c>
      <c r="C758" t="s">
        <v>3917</v>
      </c>
      <c r="D758" t="s">
        <v>3918</v>
      </c>
      <c r="E758" t="s">
        <v>17</v>
      </c>
      <c r="F758" t="s">
        <v>70</v>
      </c>
      <c r="G758" t="s">
        <v>3919</v>
      </c>
    </row>
    <row r="759" spans="1:7" x14ac:dyDescent="0.2">
      <c r="A759" t="s">
        <v>3920</v>
      </c>
      <c r="B759" t="s">
        <v>3921</v>
      </c>
      <c r="C759" t="s">
        <v>3922</v>
      </c>
      <c r="D759" t="s">
        <v>3923</v>
      </c>
      <c r="E759" t="s">
        <v>11</v>
      </c>
      <c r="G759" t="s">
        <v>3924</v>
      </c>
    </row>
    <row r="760" spans="1:7" x14ac:dyDescent="0.2">
      <c r="A760" t="s">
        <v>3925</v>
      </c>
      <c r="B760" t="s">
        <v>3926</v>
      </c>
      <c r="C760" t="s">
        <v>3927</v>
      </c>
      <c r="D760" t="s">
        <v>3928</v>
      </c>
      <c r="E760" t="s">
        <v>11</v>
      </c>
      <c r="G760" t="s">
        <v>3929</v>
      </c>
    </row>
    <row r="761" spans="1:7" x14ac:dyDescent="0.2">
      <c r="A761" t="s">
        <v>3930</v>
      </c>
      <c r="B761" t="s">
        <v>3931</v>
      </c>
      <c r="C761" t="s">
        <v>3932</v>
      </c>
      <c r="D761" t="s">
        <v>3933</v>
      </c>
      <c r="E761" t="s">
        <v>11</v>
      </c>
      <c r="F761" t="s">
        <v>3934</v>
      </c>
      <c r="G761" t="s">
        <v>3935</v>
      </c>
    </row>
    <row r="762" spans="1:7" x14ac:dyDescent="0.2">
      <c r="A762" t="s">
        <v>3936</v>
      </c>
      <c r="B762" t="s">
        <v>3937</v>
      </c>
      <c r="C762" t="s">
        <v>3938</v>
      </c>
      <c r="D762" t="s">
        <v>3939</v>
      </c>
      <c r="E762" t="s">
        <v>11</v>
      </c>
      <c r="G762" t="s">
        <v>3940</v>
      </c>
    </row>
    <row r="763" spans="1:7" x14ac:dyDescent="0.2">
      <c r="A763" t="s">
        <v>3941</v>
      </c>
      <c r="B763" t="s">
        <v>3942</v>
      </c>
      <c r="C763" t="s">
        <v>3943</v>
      </c>
      <c r="D763" t="s">
        <v>3944</v>
      </c>
      <c r="E763" t="s">
        <v>17</v>
      </c>
      <c r="F763" t="s">
        <v>3945</v>
      </c>
      <c r="G763" t="s">
        <v>3946</v>
      </c>
    </row>
    <row r="764" spans="1:7" x14ac:dyDescent="0.2">
      <c r="A764" t="s">
        <v>3947</v>
      </c>
      <c r="B764" t="s">
        <v>3948</v>
      </c>
      <c r="C764" t="s">
        <v>3949</v>
      </c>
      <c r="D764" t="s">
        <v>3950</v>
      </c>
      <c r="E764" t="s">
        <v>17</v>
      </c>
      <c r="F764" t="s">
        <v>2373</v>
      </c>
      <c r="G764" t="s">
        <v>3951</v>
      </c>
    </row>
    <row r="765" spans="1:7" x14ac:dyDescent="0.2">
      <c r="A765" t="s">
        <v>3952</v>
      </c>
      <c r="B765" t="s">
        <v>3953</v>
      </c>
      <c r="C765" t="s">
        <v>3954</v>
      </c>
      <c r="D765" t="s">
        <v>3955</v>
      </c>
      <c r="E765" t="s">
        <v>17</v>
      </c>
      <c r="F765" t="s">
        <v>18</v>
      </c>
      <c r="G765" t="s">
        <v>3956</v>
      </c>
    </row>
    <row r="766" spans="1:7" x14ac:dyDescent="0.2">
      <c r="A766" t="s">
        <v>3957</v>
      </c>
      <c r="B766" t="s">
        <v>3958</v>
      </c>
      <c r="C766" t="s">
        <v>3959</v>
      </c>
      <c r="D766" t="s">
        <v>3960</v>
      </c>
      <c r="E766" t="s">
        <v>17</v>
      </c>
      <c r="F766" t="s">
        <v>3961</v>
      </c>
      <c r="G766" t="s">
        <v>3962</v>
      </c>
    </row>
    <row r="767" spans="1:7" x14ac:dyDescent="0.2">
      <c r="A767" t="s">
        <v>3963</v>
      </c>
      <c r="B767" t="s">
        <v>3964</v>
      </c>
      <c r="C767" t="s">
        <v>3965</v>
      </c>
      <c r="D767" t="s">
        <v>3966</v>
      </c>
      <c r="E767" t="s">
        <v>17</v>
      </c>
      <c r="F767" t="s">
        <v>3967</v>
      </c>
      <c r="G767" t="s">
        <v>3968</v>
      </c>
    </row>
    <row r="768" spans="1:7" x14ac:dyDescent="0.2">
      <c r="A768" t="s">
        <v>3969</v>
      </c>
      <c r="B768" t="s">
        <v>3970</v>
      </c>
      <c r="C768" t="s">
        <v>3971</v>
      </c>
      <c r="D768" t="s">
        <v>3972</v>
      </c>
      <c r="E768" t="s">
        <v>11</v>
      </c>
      <c r="G768" t="s">
        <v>3973</v>
      </c>
    </row>
    <row r="769" spans="1:7" x14ac:dyDescent="0.2">
      <c r="A769" t="s">
        <v>3974</v>
      </c>
      <c r="B769" t="s">
        <v>3975</v>
      </c>
      <c r="C769" t="s">
        <v>3976</v>
      </c>
      <c r="D769" t="s">
        <v>3977</v>
      </c>
      <c r="E769" t="s">
        <v>11</v>
      </c>
      <c r="G769" t="s">
        <v>3978</v>
      </c>
    </row>
    <row r="770" spans="1:7" x14ac:dyDescent="0.2">
      <c r="A770" t="s">
        <v>3979</v>
      </c>
      <c r="B770" t="s">
        <v>3980</v>
      </c>
      <c r="C770" t="s">
        <v>3981</v>
      </c>
      <c r="D770" t="s">
        <v>3982</v>
      </c>
      <c r="E770" t="s">
        <v>17</v>
      </c>
      <c r="F770" t="s">
        <v>45</v>
      </c>
      <c r="G770" t="s">
        <v>3983</v>
      </c>
    </row>
    <row r="771" spans="1:7" x14ac:dyDescent="0.2">
      <c r="A771" t="s">
        <v>3984</v>
      </c>
      <c r="B771" t="s">
        <v>3985</v>
      </c>
      <c r="C771" t="s">
        <v>3986</v>
      </c>
      <c r="D771" t="s">
        <v>3987</v>
      </c>
      <c r="E771" t="s">
        <v>11</v>
      </c>
      <c r="G771" t="s">
        <v>3988</v>
      </c>
    </row>
    <row r="772" spans="1:7" x14ac:dyDescent="0.2">
      <c r="A772" t="s">
        <v>3989</v>
      </c>
      <c r="B772" t="s">
        <v>3990</v>
      </c>
      <c r="C772" t="s">
        <v>3991</v>
      </c>
      <c r="D772" t="s">
        <v>3992</v>
      </c>
      <c r="E772" t="s">
        <v>11</v>
      </c>
      <c r="G772" t="s">
        <v>3993</v>
      </c>
    </row>
    <row r="773" spans="1:7" x14ac:dyDescent="0.2">
      <c r="A773" t="s">
        <v>3994</v>
      </c>
      <c r="B773" t="s">
        <v>3995</v>
      </c>
      <c r="C773" t="s">
        <v>3996</v>
      </c>
      <c r="D773" t="s">
        <v>3997</v>
      </c>
      <c r="E773" t="s">
        <v>11</v>
      </c>
      <c r="G773" t="s">
        <v>3998</v>
      </c>
    </row>
    <row r="774" spans="1:7" x14ac:dyDescent="0.2">
      <c r="A774" t="s">
        <v>3999</v>
      </c>
      <c r="B774" t="s">
        <v>4000</v>
      </c>
      <c r="C774" t="s">
        <v>4001</v>
      </c>
      <c r="D774" t="s">
        <v>4002</v>
      </c>
      <c r="E774" t="s">
        <v>11</v>
      </c>
      <c r="G774" t="s">
        <v>4003</v>
      </c>
    </row>
    <row r="775" spans="1:7" x14ac:dyDescent="0.2">
      <c r="A775" t="s">
        <v>4004</v>
      </c>
      <c r="B775" t="s">
        <v>4005</v>
      </c>
      <c r="C775" t="s">
        <v>4006</v>
      </c>
      <c r="D775" t="s">
        <v>4007</v>
      </c>
      <c r="E775" t="s">
        <v>11</v>
      </c>
      <c r="G775" t="s">
        <v>4008</v>
      </c>
    </row>
    <row r="776" spans="1:7" x14ac:dyDescent="0.2">
      <c r="A776" t="s">
        <v>4009</v>
      </c>
      <c r="B776" t="s">
        <v>4010</v>
      </c>
      <c r="C776" t="s">
        <v>4011</v>
      </c>
      <c r="D776" t="s">
        <v>4012</v>
      </c>
      <c r="E776" t="s">
        <v>11</v>
      </c>
      <c r="G776" t="s">
        <v>4013</v>
      </c>
    </row>
    <row r="777" spans="1:7" x14ac:dyDescent="0.2">
      <c r="A777" t="s">
        <v>4014</v>
      </c>
      <c r="B777" t="s">
        <v>4015</v>
      </c>
      <c r="C777" t="s">
        <v>4016</v>
      </c>
      <c r="D777" t="s">
        <v>4017</v>
      </c>
      <c r="E777" t="s">
        <v>17</v>
      </c>
      <c r="F777" t="s">
        <v>4018</v>
      </c>
      <c r="G777" t="s">
        <v>4019</v>
      </c>
    </row>
    <row r="778" spans="1:7" x14ac:dyDescent="0.2">
      <c r="A778" t="s">
        <v>4020</v>
      </c>
      <c r="B778" t="s">
        <v>4021</v>
      </c>
      <c r="C778" t="s">
        <v>4022</v>
      </c>
      <c r="D778" t="s">
        <v>4017</v>
      </c>
      <c r="E778" t="s">
        <v>63</v>
      </c>
      <c r="F778" t="s">
        <v>4023</v>
      </c>
      <c r="G778" t="s">
        <v>4024</v>
      </c>
    </row>
    <row r="779" spans="1:7" x14ac:dyDescent="0.2">
      <c r="A779" t="s">
        <v>4025</v>
      </c>
      <c r="B779" t="s">
        <v>4026</v>
      </c>
      <c r="C779" t="s">
        <v>4027</v>
      </c>
      <c r="D779" t="s">
        <v>4028</v>
      </c>
      <c r="E779" t="s">
        <v>11</v>
      </c>
      <c r="G779" t="s">
        <v>4029</v>
      </c>
    </row>
    <row r="780" spans="1:7" x14ac:dyDescent="0.2">
      <c r="A780" t="s">
        <v>4030</v>
      </c>
      <c r="B780" t="s">
        <v>4031</v>
      </c>
      <c r="C780" t="s">
        <v>4032</v>
      </c>
      <c r="D780" t="s">
        <v>4033</v>
      </c>
      <c r="E780" t="s">
        <v>17</v>
      </c>
      <c r="F780" t="s">
        <v>70</v>
      </c>
      <c r="G780" t="s">
        <v>4034</v>
      </c>
    </row>
    <row r="781" spans="1:7" x14ac:dyDescent="0.2">
      <c r="A781" t="s">
        <v>4035</v>
      </c>
      <c r="B781" t="s">
        <v>4036</v>
      </c>
      <c r="C781" t="s">
        <v>4037</v>
      </c>
      <c r="D781" t="s">
        <v>4038</v>
      </c>
      <c r="E781" t="s">
        <v>287</v>
      </c>
      <c r="F781" t="s">
        <v>4039</v>
      </c>
      <c r="G781" t="s">
        <v>4040</v>
      </c>
    </row>
    <row r="782" spans="1:7" x14ac:dyDescent="0.2">
      <c r="A782" t="s">
        <v>4041</v>
      </c>
      <c r="B782" t="s">
        <v>4042</v>
      </c>
      <c r="C782" t="s">
        <v>4043</v>
      </c>
      <c r="D782" t="s">
        <v>4044</v>
      </c>
      <c r="E782" t="s">
        <v>17</v>
      </c>
      <c r="F782" t="s">
        <v>18</v>
      </c>
      <c r="G782" t="s">
        <v>4045</v>
      </c>
    </row>
    <row r="783" spans="1:7" x14ac:dyDescent="0.2">
      <c r="A783" t="s">
        <v>4046</v>
      </c>
      <c r="B783" t="s">
        <v>4047</v>
      </c>
      <c r="C783" t="s">
        <v>4048</v>
      </c>
      <c r="D783" t="s">
        <v>4049</v>
      </c>
      <c r="E783" t="s">
        <v>11</v>
      </c>
      <c r="G783" t="s">
        <v>4050</v>
      </c>
    </row>
    <row r="784" spans="1:7" x14ac:dyDescent="0.2">
      <c r="A784" t="s">
        <v>4051</v>
      </c>
      <c r="B784" t="s">
        <v>4052</v>
      </c>
      <c r="C784" t="s">
        <v>4053</v>
      </c>
      <c r="D784" t="s">
        <v>4054</v>
      </c>
      <c r="E784" t="s">
        <v>11</v>
      </c>
      <c r="G784" t="s">
        <v>4055</v>
      </c>
    </row>
    <row r="785" spans="1:7" x14ac:dyDescent="0.2">
      <c r="A785" t="s">
        <v>4056</v>
      </c>
      <c r="B785" t="s">
        <v>4057</v>
      </c>
      <c r="C785" t="s">
        <v>4058</v>
      </c>
      <c r="D785" t="s">
        <v>4059</v>
      </c>
      <c r="E785" t="s">
        <v>11</v>
      </c>
      <c r="G785" t="s">
        <v>4060</v>
      </c>
    </row>
    <row r="786" spans="1:7" x14ac:dyDescent="0.2">
      <c r="A786" t="s">
        <v>4061</v>
      </c>
      <c r="B786" t="s">
        <v>4062</v>
      </c>
      <c r="C786" t="s">
        <v>4063</v>
      </c>
      <c r="D786" t="s">
        <v>4064</v>
      </c>
      <c r="E786" t="s">
        <v>17</v>
      </c>
      <c r="F786" t="s">
        <v>4065</v>
      </c>
      <c r="G786" t="s">
        <v>4066</v>
      </c>
    </row>
    <row r="787" spans="1:7" x14ac:dyDescent="0.2">
      <c r="A787" t="s">
        <v>4067</v>
      </c>
      <c r="B787" t="s">
        <v>4068</v>
      </c>
      <c r="C787" t="s">
        <v>4069</v>
      </c>
      <c r="D787" t="s">
        <v>4070</v>
      </c>
      <c r="E787" t="s">
        <v>17</v>
      </c>
      <c r="F787" t="s">
        <v>45</v>
      </c>
      <c r="G787" t="s">
        <v>4071</v>
      </c>
    </row>
    <row r="788" spans="1:7" x14ac:dyDescent="0.2">
      <c r="A788" t="s">
        <v>4072</v>
      </c>
      <c r="B788" t="s">
        <v>4073</v>
      </c>
      <c r="C788" t="s">
        <v>4074</v>
      </c>
      <c r="D788" t="s">
        <v>4075</v>
      </c>
      <c r="E788" t="s">
        <v>11</v>
      </c>
      <c r="G788" t="s">
        <v>4076</v>
      </c>
    </row>
    <row r="789" spans="1:7" x14ac:dyDescent="0.2">
      <c r="A789" t="s">
        <v>4077</v>
      </c>
      <c r="B789" t="s">
        <v>4078</v>
      </c>
      <c r="C789" t="s">
        <v>4079</v>
      </c>
      <c r="D789" t="s">
        <v>4080</v>
      </c>
      <c r="E789" t="s">
        <v>11</v>
      </c>
      <c r="G789" t="s">
        <v>4081</v>
      </c>
    </row>
    <row r="790" spans="1:7" x14ac:dyDescent="0.2">
      <c r="A790" t="s">
        <v>4082</v>
      </c>
      <c r="B790" t="s">
        <v>4083</v>
      </c>
      <c r="C790" t="s">
        <v>4084</v>
      </c>
      <c r="D790" t="s">
        <v>4085</v>
      </c>
      <c r="E790" t="s">
        <v>17</v>
      </c>
      <c r="F790" t="s">
        <v>4086</v>
      </c>
      <c r="G790" t="s">
        <v>4087</v>
      </c>
    </row>
    <row r="791" spans="1:7" x14ac:dyDescent="0.2">
      <c r="A791" t="s">
        <v>4088</v>
      </c>
      <c r="B791" t="s">
        <v>4089</v>
      </c>
      <c r="C791" t="s">
        <v>4090</v>
      </c>
      <c r="D791" t="s">
        <v>4091</v>
      </c>
      <c r="E791" t="s">
        <v>11</v>
      </c>
      <c r="G791" t="s">
        <v>4092</v>
      </c>
    </row>
    <row r="792" spans="1:7" x14ac:dyDescent="0.2">
      <c r="A792" t="s">
        <v>4093</v>
      </c>
      <c r="B792" t="s">
        <v>4094</v>
      </c>
      <c r="C792" t="s">
        <v>4095</v>
      </c>
      <c r="D792" t="s">
        <v>4096</v>
      </c>
      <c r="E792" t="s">
        <v>11</v>
      </c>
      <c r="G792" t="s">
        <v>4097</v>
      </c>
    </row>
    <row r="793" spans="1:7" x14ac:dyDescent="0.2">
      <c r="A793" t="s">
        <v>4098</v>
      </c>
      <c r="B793" t="s">
        <v>4099</v>
      </c>
      <c r="C793" t="s">
        <v>4100</v>
      </c>
      <c r="D793" t="s">
        <v>4101</v>
      </c>
      <c r="E793" t="s">
        <v>11</v>
      </c>
      <c r="G793" t="s">
        <v>4102</v>
      </c>
    </row>
    <row r="794" spans="1:7" x14ac:dyDescent="0.2">
      <c r="A794" t="s">
        <v>4103</v>
      </c>
      <c r="B794" t="s">
        <v>4104</v>
      </c>
      <c r="C794" t="s">
        <v>4105</v>
      </c>
      <c r="D794" t="s">
        <v>4106</v>
      </c>
      <c r="E794" t="s">
        <v>11</v>
      </c>
      <c r="G794" t="s">
        <v>4107</v>
      </c>
    </row>
    <row r="795" spans="1:7" x14ac:dyDescent="0.2">
      <c r="A795" t="s">
        <v>4108</v>
      </c>
      <c r="B795" t="s">
        <v>4109</v>
      </c>
      <c r="C795" t="s">
        <v>4110</v>
      </c>
      <c r="D795" t="s">
        <v>4111</v>
      </c>
      <c r="E795" t="s">
        <v>11</v>
      </c>
      <c r="G795" t="s">
        <v>4112</v>
      </c>
    </row>
    <row r="796" spans="1:7" x14ac:dyDescent="0.2">
      <c r="A796" t="s">
        <v>4113</v>
      </c>
      <c r="B796" t="s">
        <v>4114</v>
      </c>
      <c r="C796" t="s">
        <v>4115</v>
      </c>
      <c r="D796" t="s">
        <v>4116</v>
      </c>
      <c r="E796" t="s">
        <v>11</v>
      </c>
      <c r="G796" t="s">
        <v>4117</v>
      </c>
    </row>
    <row r="797" spans="1:7" x14ac:dyDescent="0.2">
      <c r="A797" t="s">
        <v>4118</v>
      </c>
      <c r="B797" t="s">
        <v>4119</v>
      </c>
      <c r="C797" t="s">
        <v>4120</v>
      </c>
      <c r="D797" t="s">
        <v>3025</v>
      </c>
      <c r="E797" t="s">
        <v>11</v>
      </c>
      <c r="G797" t="s">
        <v>4121</v>
      </c>
    </row>
    <row r="798" spans="1:7" x14ac:dyDescent="0.2">
      <c r="A798" t="s">
        <v>4122</v>
      </c>
      <c r="B798" t="s">
        <v>4123</v>
      </c>
      <c r="C798" t="s">
        <v>4124</v>
      </c>
      <c r="D798" t="s">
        <v>4125</v>
      </c>
      <c r="E798" t="s">
        <v>11</v>
      </c>
      <c r="G798" t="s">
        <v>4126</v>
      </c>
    </row>
    <row r="799" spans="1:7" x14ac:dyDescent="0.2">
      <c r="A799" t="s">
        <v>4127</v>
      </c>
      <c r="B799" t="s">
        <v>4128</v>
      </c>
      <c r="C799" t="s">
        <v>4129</v>
      </c>
      <c r="D799" t="s">
        <v>4130</v>
      </c>
      <c r="E799" t="s">
        <v>17</v>
      </c>
      <c r="F799" t="s">
        <v>4131</v>
      </c>
      <c r="G799" t="s">
        <v>4132</v>
      </c>
    </row>
    <row r="800" spans="1:7" x14ac:dyDescent="0.2">
      <c r="A800" t="s">
        <v>4133</v>
      </c>
      <c r="B800" t="s">
        <v>4134</v>
      </c>
      <c r="C800" t="s">
        <v>4135</v>
      </c>
      <c r="D800" t="s">
        <v>4136</v>
      </c>
      <c r="E800" t="s">
        <v>11</v>
      </c>
      <c r="G800" t="s">
        <v>4137</v>
      </c>
    </row>
    <row r="801" spans="1:7" x14ac:dyDescent="0.2">
      <c r="A801" t="s">
        <v>4138</v>
      </c>
      <c r="B801" t="s">
        <v>4139</v>
      </c>
      <c r="C801" t="s">
        <v>4140</v>
      </c>
      <c r="D801" t="s">
        <v>4141</v>
      </c>
      <c r="E801" t="s">
        <v>17</v>
      </c>
      <c r="F801" t="s">
        <v>45</v>
      </c>
      <c r="G801" t="s">
        <v>4142</v>
      </c>
    </row>
    <row r="802" spans="1:7" x14ac:dyDescent="0.2">
      <c r="A802" t="s">
        <v>4143</v>
      </c>
      <c r="B802" t="s">
        <v>4144</v>
      </c>
      <c r="C802" t="s">
        <v>4145</v>
      </c>
      <c r="D802" t="s">
        <v>4146</v>
      </c>
      <c r="E802" t="s">
        <v>17</v>
      </c>
      <c r="F802" t="s">
        <v>4147</v>
      </c>
      <c r="G802" t="s">
        <v>4148</v>
      </c>
    </row>
    <row r="803" spans="1:7" x14ac:dyDescent="0.2">
      <c r="A803" t="s">
        <v>4149</v>
      </c>
      <c r="B803" t="s">
        <v>4150</v>
      </c>
      <c r="C803" t="s">
        <v>4151</v>
      </c>
      <c r="D803" t="s">
        <v>4152</v>
      </c>
      <c r="E803" t="s">
        <v>17</v>
      </c>
      <c r="F803" t="s">
        <v>4131</v>
      </c>
      <c r="G803" t="s">
        <v>4153</v>
      </c>
    </row>
    <row r="804" spans="1:7" x14ac:dyDescent="0.2">
      <c r="A804" t="s">
        <v>4154</v>
      </c>
      <c r="B804" t="s">
        <v>4155</v>
      </c>
      <c r="C804" t="s">
        <v>4156</v>
      </c>
      <c r="D804" t="s">
        <v>3693</v>
      </c>
      <c r="E804" t="s">
        <v>63</v>
      </c>
      <c r="F804" t="s">
        <v>4157</v>
      </c>
      <c r="G804" t="s">
        <v>4158</v>
      </c>
    </row>
    <row r="805" spans="1:7" x14ac:dyDescent="0.2">
      <c r="A805" t="s">
        <v>4159</v>
      </c>
      <c r="B805" t="s">
        <v>4160</v>
      </c>
      <c r="C805" t="s">
        <v>4161</v>
      </c>
      <c r="D805" t="s">
        <v>4162</v>
      </c>
      <c r="E805" t="s">
        <v>17</v>
      </c>
      <c r="F805" t="s">
        <v>4163</v>
      </c>
      <c r="G805" t="s">
        <v>4164</v>
      </c>
    </row>
    <row r="806" spans="1:7" x14ac:dyDescent="0.2">
      <c r="A806" t="s">
        <v>4165</v>
      </c>
      <c r="B806" t="s">
        <v>4166</v>
      </c>
      <c r="C806" t="s">
        <v>4167</v>
      </c>
      <c r="D806" t="s">
        <v>4168</v>
      </c>
      <c r="E806" t="s">
        <v>11</v>
      </c>
      <c r="G806" t="s">
        <v>4169</v>
      </c>
    </row>
    <row r="807" spans="1:7" x14ac:dyDescent="0.2">
      <c r="A807" t="s">
        <v>4170</v>
      </c>
      <c r="B807" t="s">
        <v>4171</v>
      </c>
      <c r="C807" t="s">
        <v>4172</v>
      </c>
      <c r="D807" t="s">
        <v>4173</v>
      </c>
      <c r="E807" t="s">
        <v>11</v>
      </c>
      <c r="G807" t="s">
        <v>4174</v>
      </c>
    </row>
    <row r="808" spans="1:7" x14ac:dyDescent="0.2">
      <c r="A808" t="s">
        <v>4175</v>
      </c>
      <c r="B808" t="s">
        <v>4176</v>
      </c>
      <c r="C808" t="s">
        <v>4177</v>
      </c>
      <c r="D808" t="s">
        <v>4178</v>
      </c>
      <c r="E808" t="s">
        <v>17</v>
      </c>
      <c r="F808" t="s">
        <v>4179</v>
      </c>
      <c r="G808" t="s">
        <v>4180</v>
      </c>
    </row>
    <row r="809" spans="1:7" x14ac:dyDescent="0.2">
      <c r="A809" t="s">
        <v>4181</v>
      </c>
      <c r="B809" t="s">
        <v>4182</v>
      </c>
      <c r="C809" t="s">
        <v>4183</v>
      </c>
      <c r="D809" t="s">
        <v>4184</v>
      </c>
      <c r="E809" t="s">
        <v>11</v>
      </c>
      <c r="G809" t="s">
        <v>4185</v>
      </c>
    </row>
    <row r="810" spans="1:7" x14ac:dyDescent="0.2">
      <c r="A810" t="s">
        <v>4186</v>
      </c>
      <c r="B810" t="s">
        <v>4187</v>
      </c>
      <c r="C810" t="s">
        <v>4188</v>
      </c>
      <c r="D810" t="s">
        <v>4189</v>
      </c>
      <c r="E810" t="s">
        <v>11</v>
      </c>
      <c r="G810" t="s">
        <v>4190</v>
      </c>
    </row>
    <row r="811" spans="1:7" x14ac:dyDescent="0.2">
      <c r="A811" t="s">
        <v>4191</v>
      </c>
      <c r="B811" t="s">
        <v>4192</v>
      </c>
      <c r="C811" t="s">
        <v>4193</v>
      </c>
      <c r="D811" t="s">
        <v>4194</v>
      </c>
      <c r="E811" t="s">
        <v>17</v>
      </c>
      <c r="F811" t="s">
        <v>70</v>
      </c>
      <c r="G811" t="s">
        <v>4195</v>
      </c>
    </row>
    <row r="812" spans="1:7" x14ac:dyDescent="0.2">
      <c r="A812" t="s">
        <v>4196</v>
      </c>
      <c r="B812" t="s">
        <v>4197</v>
      </c>
      <c r="C812" t="s">
        <v>4198</v>
      </c>
      <c r="D812" t="s">
        <v>4199</v>
      </c>
      <c r="E812" t="s">
        <v>17</v>
      </c>
      <c r="F812" t="s">
        <v>2467</v>
      </c>
      <c r="G812" t="s">
        <v>4200</v>
      </c>
    </row>
    <row r="813" spans="1:7" x14ac:dyDescent="0.2">
      <c r="A813" t="s">
        <v>4201</v>
      </c>
      <c r="B813" t="s">
        <v>4202</v>
      </c>
      <c r="C813" t="s">
        <v>4203</v>
      </c>
      <c r="D813" t="s">
        <v>4204</v>
      </c>
      <c r="E813" t="s">
        <v>11</v>
      </c>
      <c r="G813" t="s">
        <v>4205</v>
      </c>
    </row>
    <row r="814" spans="1:7" x14ac:dyDescent="0.2">
      <c r="A814" t="s">
        <v>4206</v>
      </c>
      <c r="B814" t="s">
        <v>4207</v>
      </c>
      <c r="C814" t="s">
        <v>4208</v>
      </c>
      <c r="D814" t="s">
        <v>4209</v>
      </c>
      <c r="E814" t="s">
        <v>11</v>
      </c>
      <c r="G814" t="s">
        <v>4210</v>
      </c>
    </row>
    <row r="815" spans="1:7" x14ac:dyDescent="0.2">
      <c r="A815" t="s">
        <v>4211</v>
      </c>
      <c r="B815" t="s">
        <v>4212</v>
      </c>
      <c r="C815" t="s">
        <v>4213</v>
      </c>
      <c r="D815" t="s">
        <v>4214</v>
      </c>
      <c r="E815" t="s">
        <v>17</v>
      </c>
      <c r="F815" t="s">
        <v>45</v>
      </c>
      <c r="G815" t="s">
        <v>4215</v>
      </c>
    </row>
    <row r="816" spans="1:7" x14ac:dyDescent="0.2">
      <c r="A816" t="s">
        <v>4216</v>
      </c>
      <c r="B816" t="s">
        <v>4217</v>
      </c>
      <c r="C816" t="s">
        <v>4218</v>
      </c>
      <c r="D816" t="s">
        <v>4219</v>
      </c>
      <c r="E816" t="s">
        <v>17</v>
      </c>
      <c r="F816" t="s">
        <v>426</v>
      </c>
      <c r="G816" t="s">
        <v>4220</v>
      </c>
    </row>
    <row r="817" spans="1:7" x14ac:dyDescent="0.2">
      <c r="A817" t="s">
        <v>4221</v>
      </c>
      <c r="B817" t="s">
        <v>4222</v>
      </c>
      <c r="C817" t="s">
        <v>4223</v>
      </c>
      <c r="D817" t="s">
        <v>4224</v>
      </c>
      <c r="E817" t="s">
        <v>17</v>
      </c>
      <c r="F817" t="s">
        <v>4225</v>
      </c>
      <c r="G817" t="s">
        <v>4226</v>
      </c>
    </row>
    <row r="818" spans="1:7" x14ac:dyDescent="0.2">
      <c r="A818" t="s">
        <v>4227</v>
      </c>
      <c r="B818" t="s">
        <v>4228</v>
      </c>
      <c r="C818" t="s">
        <v>4229</v>
      </c>
      <c r="D818" t="s">
        <v>4230</v>
      </c>
      <c r="E818" t="s">
        <v>11</v>
      </c>
      <c r="G818" t="s">
        <v>4231</v>
      </c>
    </row>
    <row r="819" spans="1:7" x14ac:dyDescent="0.2">
      <c r="A819" t="s">
        <v>4232</v>
      </c>
      <c r="B819" t="s">
        <v>4233</v>
      </c>
      <c r="C819" t="s">
        <v>4234</v>
      </c>
      <c r="D819" t="s">
        <v>4235</v>
      </c>
      <c r="E819" t="s">
        <v>11</v>
      </c>
      <c r="G819" t="s">
        <v>4236</v>
      </c>
    </row>
    <row r="820" spans="1:7" x14ac:dyDescent="0.2">
      <c r="A820" t="s">
        <v>4237</v>
      </c>
      <c r="B820" t="s">
        <v>4238</v>
      </c>
      <c r="C820" t="s">
        <v>4239</v>
      </c>
      <c r="D820" t="s">
        <v>4240</v>
      </c>
      <c r="E820" t="s">
        <v>17</v>
      </c>
      <c r="F820" t="s">
        <v>310</v>
      </c>
      <c r="G820" t="s">
        <v>4241</v>
      </c>
    </row>
    <row r="821" spans="1:7" x14ac:dyDescent="0.2">
      <c r="A821" t="s">
        <v>4242</v>
      </c>
      <c r="B821" t="s">
        <v>4243</v>
      </c>
      <c r="C821" t="s">
        <v>4244</v>
      </c>
      <c r="D821" t="s">
        <v>4245</v>
      </c>
      <c r="E821" t="s">
        <v>17</v>
      </c>
      <c r="F821" t="s">
        <v>4246</v>
      </c>
      <c r="G821" t="s">
        <v>4247</v>
      </c>
    </row>
    <row r="822" spans="1:7" x14ac:dyDescent="0.2">
      <c r="A822" t="s">
        <v>4248</v>
      </c>
      <c r="B822" t="s">
        <v>4249</v>
      </c>
      <c r="C822" t="s">
        <v>4250</v>
      </c>
      <c r="D822" t="s">
        <v>4251</v>
      </c>
      <c r="E822" t="s">
        <v>11</v>
      </c>
      <c r="G822" t="s">
        <v>4252</v>
      </c>
    </row>
    <row r="823" spans="1:7" x14ac:dyDescent="0.2">
      <c r="A823" t="s">
        <v>4253</v>
      </c>
      <c r="B823" t="s">
        <v>4254</v>
      </c>
      <c r="C823" t="s">
        <v>4255</v>
      </c>
      <c r="D823" t="s">
        <v>4256</v>
      </c>
      <c r="E823" t="s">
        <v>11</v>
      </c>
      <c r="G823" t="s">
        <v>4257</v>
      </c>
    </row>
    <row r="824" spans="1:7" x14ac:dyDescent="0.2">
      <c r="A824" t="s">
        <v>4258</v>
      </c>
      <c r="B824" t="s">
        <v>4259</v>
      </c>
      <c r="C824" t="s">
        <v>4260</v>
      </c>
      <c r="D824" t="s">
        <v>4261</v>
      </c>
      <c r="E824" t="s">
        <v>17</v>
      </c>
      <c r="F824" t="s">
        <v>310</v>
      </c>
      <c r="G824" t="s">
        <v>4262</v>
      </c>
    </row>
    <row r="825" spans="1:7" x14ac:dyDescent="0.2">
      <c r="A825" t="s">
        <v>4263</v>
      </c>
      <c r="B825" t="s">
        <v>4264</v>
      </c>
      <c r="C825" t="s">
        <v>4265</v>
      </c>
      <c r="D825" t="s">
        <v>4266</v>
      </c>
      <c r="E825" t="s">
        <v>17</v>
      </c>
      <c r="F825" t="s">
        <v>4267</v>
      </c>
      <c r="G825" t="s">
        <v>4268</v>
      </c>
    </row>
    <row r="826" spans="1:7" x14ac:dyDescent="0.2">
      <c r="A826" t="s">
        <v>4269</v>
      </c>
      <c r="B826" t="s">
        <v>4270</v>
      </c>
      <c r="C826" t="s">
        <v>4271</v>
      </c>
      <c r="D826" t="s">
        <v>4272</v>
      </c>
      <c r="E826" t="s">
        <v>11</v>
      </c>
      <c r="G826" t="s">
        <v>4273</v>
      </c>
    </row>
    <row r="827" spans="1:7" x14ac:dyDescent="0.2">
      <c r="A827" t="s">
        <v>4274</v>
      </c>
      <c r="B827" t="s">
        <v>4275</v>
      </c>
      <c r="C827" t="s">
        <v>4276</v>
      </c>
      <c r="D827" t="s">
        <v>4277</v>
      </c>
      <c r="E827" t="s">
        <v>11</v>
      </c>
      <c r="G827" t="s">
        <v>4278</v>
      </c>
    </row>
    <row r="828" spans="1:7" x14ac:dyDescent="0.2">
      <c r="A828" t="s">
        <v>4279</v>
      </c>
      <c r="B828" t="s">
        <v>4280</v>
      </c>
      <c r="C828" t="s">
        <v>4281</v>
      </c>
      <c r="D828" t="s">
        <v>4282</v>
      </c>
      <c r="E828" t="s">
        <v>11</v>
      </c>
      <c r="G828" t="s">
        <v>4283</v>
      </c>
    </row>
    <row r="829" spans="1:7" x14ac:dyDescent="0.2">
      <c r="A829" t="s">
        <v>4284</v>
      </c>
      <c r="B829" t="s">
        <v>4285</v>
      </c>
      <c r="C829" t="s">
        <v>4286</v>
      </c>
      <c r="D829" t="s">
        <v>4287</v>
      </c>
      <c r="E829" t="s">
        <v>11</v>
      </c>
      <c r="G829" t="s">
        <v>4288</v>
      </c>
    </row>
    <row r="830" spans="1:7" x14ac:dyDescent="0.2">
      <c r="A830" t="s">
        <v>4289</v>
      </c>
      <c r="B830" t="s">
        <v>4290</v>
      </c>
      <c r="C830" t="s">
        <v>4291</v>
      </c>
      <c r="D830" t="s">
        <v>4292</v>
      </c>
      <c r="E830" t="s">
        <v>11</v>
      </c>
      <c r="G830" t="s">
        <v>4293</v>
      </c>
    </row>
    <row r="831" spans="1:7" x14ac:dyDescent="0.2">
      <c r="A831" t="s">
        <v>4294</v>
      </c>
      <c r="B831" t="s">
        <v>4295</v>
      </c>
      <c r="C831" t="s">
        <v>4296</v>
      </c>
      <c r="D831" t="s">
        <v>4297</v>
      </c>
      <c r="E831" t="s">
        <v>17</v>
      </c>
      <c r="F831" t="s">
        <v>4298</v>
      </c>
      <c r="G831" t="s">
        <v>4299</v>
      </c>
    </row>
    <row r="832" spans="1:7" x14ac:dyDescent="0.2">
      <c r="A832" t="s">
        <v>4300</v>
      </c>
      <c r="B832" t="s">
        <v>4301</v>
      </c>
      <c r="C832" t="s">
        <v>4302</v>
      </c>
      <c r="D832" t="s">
        <v>4303</v>
      </c>
      <c r="E832" t="s">
        <v>63</v>
      </c>
      <c r="F832" t="s">
        <v>4304</v>
      </c>
      <c r="G832" t="s">
        <v>4305</v>
      </c>
    </row>
    <row r="833" spans="1:7" x14ac:dyDescent="0.2">
      <c r="A833" t="s">
        <v>4306</v>
      </c>
      <c r="B833" t="s">
        <v>4307</v>
      </c>
      <c r="C833" t="s">
        <v>4308</v>
      </c>
      <c r="D833" t="s">
        <v>4309</v>
      </c>
      <c r="E833" t="s">
        <v>17</v>
      </c>
      <c r="F833" t="s">
        <v>45</v>
      </c>
      <c r="G833" t="s">
        <v>4310</v>
      </c>
    </row>
    <row r="834" spans="1:7" x14ac:dyDescent="0.2">
      <c r="A834" t="s">
        <v>4311</v>
      </c>
      <c r="B834" t="s">
        <v>4312</v>
      </c>
      <c r="C834" t="s">
        <v>4313</v>
      </c>
      <c r="D834" t="s">
        <v>4314</v>
      </c>
      <c r="E834" t="s">
        <v>17</v>
      </c>
      <c r="F834" t="s">
        <v>465</v>
      </c>
      <c r="G834" t="s">
        <v>4315</v>
      </c>
    </row>
    <row r="835" spans="1:7" x14ac:dyDescent="0.2">
      <c r="A835" t="s">
        <v>4316</v>
      </c>
      <c r="B835" t="s">
        <v>4317</v>
      </c>
      <c r="C835" t="s">
        <v>4318</v>
      </c>
      <c r="D835" t="s">
        <v>4319</v>
      </c>
      <c r="E835" t="s">
        <v>11</v>
      </c>
      <c r="G835" t="s">
        <v>4320</v>
      </c>
    </row>
    <row r="836" spans="1:7" x14ac:dyDescent="0.2">
      <c r="A836" t="s">
        <v>4321</v>
      </c>
      <c r="B836" t="s">
        <v>4322</v>
      </c>
      <c r="C836" t="s">
        <v>4323</v>
      </c>
      <c r="D836" t="s">
        <v>4324</v>
      </c>
      <c r="E836" t="s">
        <v>11</v>
      </c>
      <c r="G836" t="s">
        <v>4325</v>
      </c>
    </row>
    <row r="837" spans="1:7" x14ac:dyDescent="0.2">
      <c r="A837" t="s">
        <v>4326</v>
      </c>
      <c r="B837" t="s">
        <v>4327</v>
      </c>
      <c r="C837" t="s">
        <v>4328</v>
      </c>
      <c r="D837" t="s">
        <v>4329</v>
      </c>
      <c r="E837" t="s">
        <v>11</v>
      </c>
      <c r="G837" t="s">
        <v>4330</v>
      </c>
    </row>
    <row r="838" spans="1:7" x14ac:dyDescent="0.2">
      <c r="A838" t="s">
        <v>4331</v>
      </c>
      <c r="B838" t="s">
        <v>4332</v>
      </c>
      <c r="C838" t="s">
        <v>4333</v>
      </c>
      <c r="D838" t="s">
        <v>4334</v>
      </c>
      <c r="E838" t="s">
        <v>11</v>
      </c>
      <c r="G838" t="s">
        <v>4335</v>
      </c>
    </row>
    <row r="839" spans="1:7" x14ac:dyDescent="0.2">
      <c r="A839" t="s">
        <v>4336</v>
      </c>
      <c r="B839" t="s">
        <v>4337</v>
      </c>
      <c r="C839" t="s">
        <v>4338</v>
      </c>
      <c r="D839" t="s">
        <v>4339</v>
      </c>
      <c r="E839" t="s">
        <v>11</v>
      </c>
      <c r="G839" t="s">
        <v>4340</v>
      </c>
    </row>
    <row r="840" spans="1:7" x14ac:dyDescent="0.2">
      <c r="A840" t="s">
        <v>4341</v>
      </c>
      <c r="B840" t="s">
        <v>4342</v>
      </c>
      <c r="C840" t="s">
        <v>4343</v>
      </c>
      <c r="D840" t="s">
        <v>4344</v>
      </c>
      <c r="E840" t="s">
        <v>17</v>
      </c>
      <c r="F840" t="s">
        <v>1044</v>
      </c>
      <c r="G840" t="s">
        <v>4345</v>
      </c>
    </row>
    <row r="841" spans="1:7" x14ac:dyDescent="0.2">
      <c r="A841" t="s">
        <v>4346</v>
      </c>
      <c r="B841" t="s">
        <v>4347</v>
      </c>
      <c r="C841" t="s">
        <v>4348</v>
      </c>
      <c r="D841" t="s">
        <v>4349</v>
      </c>
      <c r="E841" t="s">
        <v>17</v>
      </c>
      <c r="F841" t="s">
        <v>4350</v>
      </c>
      <c r="G841" t="s">
        <v>4351</v>
      </c>
    </row>
    <row r="842" spans="1:7" x14ac:dyDescent="0.2">
      <c r="A842" t="s">
        <v>4352</v>
      </c>
      <c r="B842" t="s">
        <v>4353</v>
      </c>
      <c r="C842" t="s">
        <v>4354</v>
      </c>
      <c r="D842" t="s">
        <v>4355</v>
      </c>
      <c r="E842" t="s">
        <v>11</v>
      </c>
      <c r="G842" t="s">
        <v>4356</v>
      </c>
    </row>
    <row r="843" spans="1:7" x14ac:dyDescent="0.2">
      <c r="A843" t="s">
        <v>4357</v>
      </c>
      <c r="B843" t="s">
        <v>4358</v>
      </c>
      <c r="C843" t="s">
        <v>4359</v>
      </c>
      <c r="D843" t="s">
        <v>4360</v>
      </c>
      <c r="E843" t="s">
        <v>11</v>
      </c>
      <c r="G843" t="s">
        <v>4361</v>
      </c>
    </row>
    <row r="844" spans="1:7" x14ac:dyDescent="0.2">
      <c r="A844" t="s">
        <v>4362</v>
      </c>
      <c r="B844" t="s">
        <v>4363</v>
      </c>
      <c r="C844" t="s">
        <v>4364</v>
      </c>
      <c r="D844" t="s">
        <v>4365</v>
      </c>
      <c r="E844" t="s">
        <v>17</v>
      </c>
      <c r="F844" t="s">
        <v>4366</v>
      </c>
      <c r="G844" t="s">
        <v>4367</v>
      </c>
    </row>
    <row r="845" spans="1:7" x14ac:dyDescent="0.2">
      <c r="A845" t="s">
        <v>4368</v>
      </c>
      <c r="B845" t="s">
        <v>4369</v>
      </c>
      <c r="C845" t="s">
        <v>4370</v>
      </c>
      <c r="D845" t="s">
        <v>4371</v>
      </c>
      <c r="E845" t="s">
        <v>17</v>
      </c>
      <c r="F845" t="s">
        <v>4372</v>
      </c>
      <c r="G845" t="s">
        <v>4373</v>
      </c>
    </row>
    <row r="846" spans="1:7" x14ac:dyDescent="0.2">
      <c r="A846" t="s">
        <v>4374</v>
      </c>
      <c r="B846" t="s">
        <v>4375</v>
      </c>
      <c r="C846" t="s">
        <v>4376</v>
      </c>
      <c r="D846" t="s">
        <v>4377</v>
      </c>
      <c r="E846" t="s">
        <v>11</v>
      </c>
      <c r="G846" t="s">
        <v>4378</v>
      </c>
    </row>
    <row r="847" spans="1:7" x14ac:dyDescent="0.2">
      <c r="A847" t="s">
        <v>4379</v>
      </c>
      <c r="B847" t="s">
        <v>4380</v>
      </c>
      <c r="C847" t="s">
        <v>4381</v>
      </c>
      <c r="D847" t="s">
        <v>4382</v>
      </c>
      <c r="E847" t="s">
        <v>11</v>
      </c>
      <c r="G847" t="s">
        <v>4383</v>
      </c>
    </row>
    <row r="848" spans="1:7" x14ac:dyDescent="0.2">
      <c r="A848" t="s">
        <v>4384</v>
      </c>
      <c r="B848" t="s">
        <v>4385</v>
      </c>
      <c r="C848" t="s">
        <v>4386</v>
      </c>
      <c r="D848" t="s">
        <v>4387</v>
      </c>
      <c r="E848" t="s">
        <v>17</v>
      </c>
      <c r="F848" t="s">
        <v>4388</v>
      </c>
      <c r="G848" t="s">
        <v>4389</v>
      </c>
    </row>
    <row r="849" spans="1:7" x14ac:dyDescent="0.2">
      <c r="A849" t="s">
        <v>4390</v>
      </c>
      <c r="B849" t="s">
        <v>4391</v>
      </c>
      <c r="C849" t="s">
        <v>4392</v>
      </c>
      <c r="D849" t="s">
        <v>4393</v>
      </c>
      <c r="E849" t="s">
        <v>17</v>
      </c>
      <c r="F849" t="s">
        <v>70</v>
      </c>
      <c r="G849" t="s">
        <v>4394</v>
      </c>
    </row>
    <row r="850" spans="1:7" x14ac:dyDescent="0.2">
      <c r="A850" t="s">
        <v>4395</v>
      </c>
      <c r="B850" t="s">
        <v>4396</v>
      </c>
      <c r="C850" t="s">
        <v>4397</v>
      </c>
      <c r="D850" t="s">
        <v>4398</v>
      </c>
      <c r="E850" t="s">
        <v>11</v>
      </c>
      <c r="G850" t="s">
        <v>4399</v>
      </c>
    </row>
    <row r="851" spans="1:7" x14ac:dyDescent="0.2">
      <c r="A851" t="s">
        <v>4400</v>
      </c>
      <c r="B851" t="s">
        <v>4401</v>
      </c>
      <c r="C851" t="s">
        <v>4402</v>
      </c>
      <c r="D851" t="s">
        <v>4403</v>
      </c>
      <c r="E851" t="s">
        <v>11</v>
      </c>
      <c r="G851" t="s">
        <v>4404</v>
      </c>
    </row>
    <row r="852" spans="1:7" x14ac:dyDescent="0.2">
      <c r="A852" t="s">
        <v>4405</v>
      </c>
      <c r="B852" t="s">
        <v>4406</v>
      </c>
      <c r="C852" t="s">
        <v>4407</v>
      </c>
      <c r="D852" t="s">
        <v>4408</v>
      </c>
      <c r="E852" t="s">
        <v>17</v>
      </c>
      <c r="F852" t="s">
        <v>29</v>
      </c>
      <c r="G852" t="s">
        <v>4409</v>
      </c>
    </row>
    <row r="853" spans="1:7" x14ac:dyDescent="0.2">
      <c r="A853" t="s">
        <v>4410</v>
      </c>
      <c r="B853" t="s">
        <v>4411</v>
      </c>
      <c r="C853" t="s">
        <v>4412</v>
      </c>
      <c r="D853" t="s">
        <v>4413</v>
      </c>
      <c r="E853" t="s">
        <v>17</v>
      </c>
      <c r="F853" t="s">
        <v>4414</v>
      </c>
      <c r="G853" t="s">
        <v>4415</v>
      </c>
    </row>
    <row r="854" spans="1:7" x14ac:dyDescent="0.2">
      <c r="A854" t="s">
        <v>4416</v>
      </c>
      <c r="B854" t="s">
        <v>4417</v>
      </c>
      <c r="C854" t="s">
        <v>4418</v>
      </c>
      <c r="D854" t="s">
        <v>4162</v>
      </c>
      <c r="E854" t="s">
        <v>63</v>
      </c>
      <c r="F854" t="s">
        <v>4419</v>
      </c>
      <c r="G854" t="s">
        <v>4420</v>
      </c>
    </row>
    <row r="855" spans="1:7" x14ac:dyDescent="0.2">
      <c r="A855" t="s">
        <v>4421</v>
      </c>
      <c r="B855" t="s">
        <v>4422</v>
      </c>
      <c r="C855" t="s">
        <v>4423</v>
      </c>
      <c r="D855" t="s">
        <v>4424</v>
      </c>
      <c r="E855" t="s">
        <v>17</v>
      </c>
      <c r="F855" t="s">
        <v>4425</v>
      </c>
      <c r="G855" t="s">
        <v>4426</v>
      </c>
    </row>
    <row r="856" spans="1:7" x14ac:dyDescent="0.2">
      <c r="A856" t="s">
        <v>4427</v>
      </c>
      <c r="B856" t="s">
        <v>4428</v>
      </c>
      <c r="C856" t="s">
        <v>4429</v>
      </c>
      <c r="D856" t="s">
        <v>4430</v>
      </c>
      <c r="E856" t="s">
        <v>11</v>
      </c>
      <c r="G856" t="s">
        <v>4431</v>
      </c>
    </row>
    <row r="857" spans="1:7" x14ac:dyDescent="0.2">
      <c r="A857" t="s">
        <v>4432</v>
      </c>
      <c r="B857" t="s">
        <v>4433</v>
      </c>
      <c r="C857" t="s">
        <v>4434</v>
      </c>
      <c r="D857" t="s">
        <v>4435</v>
      </c>
      <c r="E857" t="s">
        <v>17</v>
      </c>
      <c r="F857" t="s">
        <v>18</v>
      </c>
      <c r="G857" t="s">
        <v>4436</v>
      </c>
    </row>
    <row r="858" spans="1:7" x14ac:dyDescent="0.2">
      <c r="A858" t="s">
        <v>4437</v>
      </c>
      <c r="B858" t="s">
        <v>4438</v>
      </c>
      <c r="C858" t="s">
        <v>4439</v>
      </c>
      <c r="D858" t="s">
        <v>4440</v>
      </c>
      <c r="E858" t="s">
        <v>17</v>
      </c>
      <c r="F858" t="s">
        <v>1098</v>
      </c>
      <c r="G858" t="s">
        <v>4441</v>
      </c>
    </row>
    <row r="859" spans="1:7" x14ac:dyDescent="0.2">
      <c r="A859" t="s">
        <v>4442</v>
      </c>
      <c r="B859" t="s">
        <v>4443</v>
      </c>
      <c r="C859" t="s">
        <v>4444</v>
      </c>
      <c r="D859" t="s">
        <v>4445</v>
      </c>
      <c r="E859" t="s">
        <v>11</v>
      </c>
      <c r="G859" t="s">
        <v>4446</v>
      </c>
    </row>
    <row r="860" spans="1:7" x14ac:dyDescent="0.2">
      <c r="A860" t="s">
        <v>4447</v>
      </c>
      <c r="B860" t="s">
        <v>4448</v>
      </c>
      <c r="C860" t="s">
        <v>4449</v>
      </c>
      <c r="D860" t="s">
        <v>4450</v>
      </c>
      <c r="E860" t="s">
        <v>11</v>
      </c>
      <c r="G860" t="s">
        <v>4451</v>
      </c>
    </row>
    <row r="861" spans="1:7" x14ac:dyDescent="0.2">
      <c r="A861" t="s">
        <v>4452</v>
      </c>
      <c r="B861" t="s">
        <v>4453</v>
      </c>
      <c r="C861" t="s">
        <v>4454</v>
      </c>
      <c r="D861" t="s">
        <v>4455</v>
      </c>
      <c r="E861" t="s">
        <v>11</v>
      </c>
      <c r="G861" t="s">
        <v>4456</v>
      </c>
    </row>
    <row r="862" spans="1:7" x14ac:dyDescent="0.2">
      <c r="A862" t="s">
        <v>4457</v>
      </c>
      <c r="B862" t="s">
        <v>4458</v>
      </c>
      <c r="C862" t="s">
        <v>4459</v>
      </c>
      <c r="D862" t="s">
        <v>4460</v>
      </c>
      <c r="E862" t="s">
        <v>11</v>
      </c>
      <c r="G862" t="s">
        <v>4461</v>
      </c>
    </row>
    <row r="863" spans="1:7" x14ac:dyDescent="0.2">
      <c r="A863" t="s">
        <v>4462</v>
      </c>
      <c r="B863" t="s">
        <v>4463</v>
      </c>
      <c r="C863" t="s">
        <v>4464</v>
      </c>
      <c r="D863" t="s">
        <v>4465</v>
      </c>
      <c r="E863" t="s">
        <v>11</v>
      </c>
      <c r="G863" t="s">
        <v>4466</v>
      </c>
    </row>
    <row r="864" spans="1:7" x14ac:dyDescent="0.2">
      <c r="A864" t="s">
        <v>4467</v>
      </c>
      <c r="B864" t="s">
        <v>4468</v>
      </c>
      <c r="C864" t="s">
        <v>4469</v>
      </c>
      <c r="D864" t="s">
        <v>4470</v>
      </c>
      <c r="E864" t="s">
        <v>17</v>
      </c>
      <c r="F864" t="s">
        <v>70</v>
      </c>
      <c r="G864" t="s">
        <v>4471</v>
      </c>
    </row>
    <row r="865" spans="1:7" x14ac:dyDescent="0.2">
      <c r="A865" t="s">
        <v>4472</v>
      </c>
      <c r="B865" t="s">
        <v>4473</v>
      </c>
      <c r="C865" t="s">
        <v>4474</v>
      </c>
      <c r="D865" t="s">
        <v>4475</v>
      </c>
      <c r="E865" t="s">
        <v>17</v>
      </c>
      <c r="F865" t="s">
        <v>70</v>
      </c>
      <c r="G865" t="s">
        <v>4476</v>
      </c>
    </row>
    <row r="866" spans="1:7" x14ac:dyDescent="0.2">
      <c r="A866" t="s">
        <v>4477</v>
      </c>
      <c r="B866" t="s">
        <v>4478</v>
      </c>
      <c r="C866" t="s">
        <v>4479</v>
      </c>
      <c r="D866" t="s">
        <v>4480</v>
      </c>
      <c r="E866" t="s">
        <v>17</v>
      </c>
      <c r="F866" t="s">
        <v>70</v>
      </c>
      <c r="G866" t="s">
        <v>4481</v>
      </c>
    </row>
    <row r="867" spans="1:7" x14ac:dyDescent="0.2">
      <c r="A867" t="s">
        <v>4482</v>
      </c>
      <c r="B867" t="s">
        <v>4483</v>
      </c>
      <c r="C867" t="s">
        <v>4484</v>
      </c>
      <c r="D867" t="s">
        <v>4485</v>
      </c>
      <c r="E867" t="s">
        <v>17</v>
      </c>
      <c r="F867" t="s">
        <v>70</v>
      </c>
      <c r="G867" t="s">
        <v>4486</v>
      </c>
    </row>
    <row r="868" spans="1:7" x14ac:dyDescent="0.2">
      <c r="A868" t="s">
        <v>4487</v>
      </c>
      <c r="B868" t="s">
        <v>4488</v>
      </c>
      <c r="C868" t="s">
        <v>4489</v>
      </c>
      <c r="D868" t="s">
        <v>4490</v>
      </c>
      <c r="E868" t="s">
        <v>17</v>
      </c>
      <c r="F868" t="s">
        <v>310</v>
      </c>
      <c r="G868" t="s">
        <v>4491</v>
      </c>
    </row>
    <row r="869" spans="1:7" x14ac:dyDescent="0.2">
      <c r="A869" t="s">
        <v>4492</v>
      </c>
      <c r="B869" t="s">
        <v>4493</v>
      </c>
      <c r="C869" t="s">
        <v>4494</v>
      </c>
      <c r="D869" t="s">
        <v>4495</v>
      </c>
      <c r="E869" t="s">
        <v>11</v>
      </c>
      <c r="G869" t="s">
        <v>4496</v>
      </c>
    </row>
    <row r="870" spans="1:7" x14ac:dyDescent="0.2">
      <c r="A870" t="s">
        <v>4497</v>
      </c>
      <c r="B870" t="s">
        <v>4498</v>
      </c>
      <c r="C870" t="s">
        <v>4499</v>
      </c>
      <c r="D870" t="s">
        <v>4500</v>
      </c>
      <c r="E870" t="s">
        <v>11</v>
      </c>
      <c r="G870" t="s">
        <v>4501</v>
      </c>
    </row>
    <row r="871" spans="1:7" x14ac:dyDescent="0.2">
      <c r="A871" t="s">
        <v>4502</v>
      </c>
      <c r="B871" t="s">
        <v>4503</v>
      </c>
      <c r="C871" t="s">
        <v>4504</v>
      </c>
      <c r="D871" t="s">
        <v>4505</v>
      </c>
      <c r="E871" t="s">
        <v>11</v>
      </c>
      <c r="G871" t="s">
        <v>4506</v>
      </c>
    </row>
    <row r="872" spans="1:7" x14ac:dyDescent="0.2">
      <c r="A872" t="s">
        <v>4507</v>
      </c>
      <c r="B872" t="s">
        <v>4508</v>
      </c>
      <c r="C872" t="s">
        <v>4509</v>
      </c>
      <c r="D872" t="s">
        <v>4510</v>
      </c>
      <c r="E872" t="s">
        <v>11</v>
      </c>
      <c r="G872" t="s">
        <v>4511</v>
      </c>
    </row>
    <row r="873" spans="1:7" x14ac:dyDescent="0.2">
      <c r="A873" t="s">
        <v>4512</v>
      </c>
      <c r="B873" t="s">
        <v>4513</v>
      </c>
      <c r="C873" t="s">
        <v>4514</v>
      </c>
      <c r="D873" t="s">
        <v>4515</v>
      </c>
      <c r="E873" t="s">
        <v>17</v>
      </c>
      <c r="F873" t="s">
        <v>4516</v>
      </c>
      <c r="G873" t="s">
        <v>4517</v>
      </c>
    </row>
    <row r="874" spans="1:7" x14ac:dyDescent="0.2">
      <c r="A874" t="s">
        <v>4518</v>
      </c>
      <c r="B874" t="s">
        <v>4519</v>
      </c>
      <c r="C874" t="s">
        <v>4520</v>
      </c>
      <c r="D874" t="s">
        <v>4521</v>
      </c>
      <c r="E874" t="s">
        <v>11</v>
      </c>
      <c r="G874" t="s">
        <v>4522</v>
      </c>
    </row>
    <row r="875" spans="1:7" x14ac:dyDescent="0.2">
      <c r="A875" t="s">
        <v>4523</v>
      </c>
      <c r="B875" t="s">
        <v>4524</v>
      </c>
      <c r="C875" t="s">
        <v>4525</v>
      </c>
      <c r="D875" t="s">
        <v>4526</v>
      </c>
      <c r="E875" t="s">
        <v>17</v>
      </c>
      <c r="F875" t="s">
        <v>4527</v>
      </c>
      <c r="G875" t="s">
        <v>4528</v>
      </c>
    </row>
    <row r="876" spans="1:7" x14ac:dyDescent="0.2">
      <c r="A876" t="s">
        <v>4529</v>
      </c>
      <c r="B876" t="s">
        <v>4530</v>
      </c>
      <c r="C876" t="s">
        <v>4531</v>
      </c>
      <c r="D876" t="s">
        <v>4532</v>
      </c>
      <c r="E876" t="s">
        <v>11</v>
      </c>
      <c r="G876" t="s">
        <v>4533</v>
      </c>
    </row>
    <row r="877" spans="1:7" x14ac:dyDescent="0.2">
      <c r="A877" t="s">
        <v>4534</v>
      </c>
      <c r="B877" t="s">
        <v>4535</v>
      </c>
      <c r="C877" t="s">
        <v>4536</v>
      </c>
      <c r="D877" t="s">
        <v>4537</v>
      </c>
      <c r="E877" t="s">
        <v>11</v>
      </c>
      <c r="G877" t="s">
        <v>4538</v>
      </c>
    </row>
    <row r="878" spans="1:7" x14ac:dyDescent="0.2">
      <c r="A878" t="s">
        <v>4539</v>
      </c>
      <c r="B878" t="s">
        <v>4540</v>
      </c>
      <c r="C878" t="s">
        <v>4541</v>
      </c>
      <c r="D878" t="s">
        <v>4542</v>
      </c>
      <c r="E878" t="s">
        <v>11</v>
      </c>
      <c r="G878" t="s">
        <v>4543</v>
      </c>
    </row>
    <row r="879" spans="1:7" x14ac:dyDescent="0.2">
      <c r="A879" t="s">
        <v>4544</v>
      </c>
      <c r="B879" t="s">
        <v>4545</v>
      </c>
      <c r="C879" t="s">
        <v>4546</v>
      </c>
      <c r="D879" t="s">
        <v>4547</v>
      </c>
      <c r="E879" t="s">
        <v>11</v>
      </c>
      <c r="G879" t="s">
        <v>4548</v>
      </c>
    </row>
    <row r="880" spans="1:7" x14ac:dyDescent="0.2">
      <c r="A880" t="s">
        <v>4549</v>
      </c>
      <c r="B880" t="s">
        <v>4550</v>
      </c>
      <c r="C880" t="s">
        <v>4551</v>
      </c>
      <c r="D880" t="s">
        <v>4552</v>
      </c>
      <c r="E880" t="s">
        <v>11</v>
      </c>
      <c r="G880" t="s">
        <v>4553</v>
      </c>
    </row>
    <row r="881" spans="1:7" x14ac:dyDescent="0.2">
      <c r="A881" t="s">
        <v>4554</v>
      </c>
      <c r="B881" t="s">
        <v>4555</v>
      </c>
      <c r="C881" t="s">
        <v>4556</v>
      </c>
      <c r="D881" t="s">
        <v>4557</v>
      </c>
      <c r="E881" t="s">
        <v>11</v>
      </c>
      <c r="G881" t="s">
        <v>4558</v>
      </c>
    </row>
    <row r="882" spans="1:7" x14ac:dyDescent="0.2">
      <c r="A882" t="s">
        <v>4559</v>
      </c>
      <c r="B882" t="s">
        <v>4560</v>
      </c>
      <c r="C882" t="s">
        <v>4561</v>
      </c>
      <c r="D882" t="s">
        <v>4562</v>
      </c>
      <c r="E882" t="s">
        <v>11</v>
      </c>
      <c r="G882" t="s">
        <v>4563</v>
      </c>
    </row>
    <row r="883" spans="1:7" x14ac:dyDescent="0.2">
      <c r="A883" t="s">
        <v>4564</v>
      </c>
      <c r="B883" t="s">
        <v>4565</v>
      </c>
      <c r="C883" t="s">
        <v>4566</v>
      </c>
      <c r="D883" t="s">
        <v>4567</v>
      </c>
      <c r="E883" t="s">
        <v>11</v>
      </c>
      <c r="G883" t="s">
        <v>4568</v>
      </c>
    </row>
    <row r="884" spans="1:7" x14ac:dyDescent="0.2">
      <c r="A884" t="s">
        <v>4569</v>
      </c>
      <c r="B884" t="s">
        <v>4570</v>
      </c>
      <c r="C884" t="s">
        <v>4571</v>
      </c>
      <c r="D884" t="s">
        <v>4572</v>
      </c>
      <c r="E884" t="s">
        <v>11</v>
      </c>
      <c r="G884" t="s">
        <v>4573</v>
      </c>
    </row>
    <row r="885" spans="1:7" x14ac:dyDescent="0.2">
      <c r="A885" t="s">
        <v>4574</v>
      </c>
      <c r="B885" t="s">
        <v>4575</v>
      </c>
      <c r="C885" t="s">
        <v>4576</v>
      </c>
      <c r="D885" t="s">
        <v>4577</v>
      </c>
      <c r="E885" t="s">
        <v>11</v>
      </c>
      <c r="G885" t="s">
        <v>4578</v>
      </c>
    </row>
    <row r="886" spans="1:7" x14ac:dyDescent="0.2">
      <c r="A886" t="s">
        <v>4579</v>
      </c>
      <c r="B886" t="s">
        <v>4580</v>
      </c>
      <c r="C886" t="s">
        <v>4581</v>
      </c>
      <c r="D886" t="s">
        <v>4582</v>
      </c>
      <c r="E886" t="s">
        <v>11</v>
      </c>
      <c r="G886" t="s">
        <v>4583</v>
      </c>
    </row>
    <row r="887" spans="1:7" x14ac:dyDescent="0.2">
      <c r="A887" t="s">
        <v>4584</v>
      </c>
      <c r="B887" t="s">
        <v>4585</v>
      </c>
      <c r="C887" t="s">
        <v>4586</v>
      </c>
      <c r="D887" t="s">
        <v>4587</v>
      </c>
      <c r="E887" t="s">
        <v>11</v>
      </c>
      <c r="G887" t="s">
        <v>4588</v>
      </c>
    </row>
    <row r="888" spans="1:7" x14ac:dyDescent="0.2">
      <c r="A888" t="s">
        <v>4589</v>
      </c>
      <c r="B888" t="s">
        <v>4590</v>
      </c>
      <c r="C888" t="s">
        <v>4591</v>
      </c>
      <c r="D888" t="s">
        <v>4592</v>
      </c>
      <c r="E888" t="s">
        <v>17</v>
      </c>
      <c r="F888" t="s">
        <v>4593</v>
      </c>
      <c r="G888" t="s">
        <v>4594</v>
      </c>
    </row>
    <row r="889" spans="1:7" x14ac:dyDescent="0.2">
      <c r="A889" t="s">
        <v>4595</v>
      </c>
      <c r="B889" t="s">
        <v>4596</v>
      </c>
      <c r="C889" t="s">
        <v>4597</v>
      </c>
      <c r="D889" t="s">
        <v>4598</v>
      </c>
      <c r="E889" t="s">
        <v>11</v>
      </c>
      <c r="G889" t="s">
        <v>4599</v>
      </c>
    </row>
    <row r="890" spans="1:7" x14ac:dyDescent="0.2">
      <c r="A890" t="s">
        <v>4600</v>
      </c>
      <c r="B890" t="s">
        <v>4601</v>
      </c>
      <c r="C890" t="s">
        <v>4602</v>
      </c>
      <c r="D890" t="s">
        <v>4603</v>
      </c>
      <c r="E890" t="s">
        <v>11</v>
      </c>
      <c r="G890" t="s">
        <v>4604</v>
      </c>
    </row>
    <row r="891" spans="1:7" x14ac:dyDescent="0.2">
      <c r="A891" t="s">
        <v>4605</v>
      </c>
      <c r="B891" t="s">
        <v>4606</v>
      </c>
      <c r="C891" t="s">
        <v>4607</v>
      </c>
      <c r="D891" t="s">
        <v>4608</v>
      </c>
      <c r="E891" t="s">
        <v>287</v>
      </c>
      <c r="F891" t="s">
        <v>4039</v>
      </c>
      <c r="G891" t="s">
        <v>4609</v>
      </c>
    </row>
    <row r="892" spans="1:7" x14ac:dyDescent="0.2">
      <c r="A892" t="s">
        <v>4610</v>
      </c>
      <c r="B892" t="s">
        <v>4611</v>
      </c>
      <c r="C892" t="s">
        <v>4612</v>
      </c>
      <c r="D892" t="s">
        <v>4613</v>
      </c>
      <c r="E892" t="s">
        <v>11</v>
      </c>
      <c r="G892" t="s">
        <v>4614</v>
      </c>
    </row>
    <row r="893" spans="1:7" x14ac:dyDescent="0.2">
      <c r="A893" t="s">
        <v>4615</v>
      </c>
      <c r="B893" t="s">
        <v>4616</v>
      </c>
      <c r="C893" t="s">
        <v>4617</v>
      </c>
      <c r="D893" t="s">
        <v>4618</v>
      </c>
      <c r="E893" t="s">
        <v>17</v>
      </c>
      <c r="F893" t="s">
        <v>4619</v>
      </c>
      <c r="G893" t="s">
        <v>4620</v>
      </c>
    </row>
    <row r="894" spans="1:7" x14ac:dyDescent="0.2">
      <c r="A894" t="s">
        <v>4621</v>
      </c>
      <c r="B894" t="s">
        <v>4622</v>
      </c>
      <c r="C894" t="s">
        <v>4623</v>
      </c>
      <c r="D894" t="s">
        <v>4624</v>
      </c>
      <c r="E894" t="s">
        <v>11</v>
      </c>
      <c r="G894" t="s">
        <v>4625</v>
      </c>
    </row>
    <row r="895" spans="1:7" x14ac:dyDescent="0.2">
      <c r="A895" t="s">
        <v>4626</v>
      </c>
      <c r="B895" t="s">
        <v>4627</v>
      </c>
      <c r="C895" t="s">
        <v>4628</v>
      </c>
      <c r="D895" t="s">
        <v>4629</v>
      </c>
      <c r="E895" t="s">
        <v>11</v>
      </c>
      <c r="G895" t="s">
        <v>4630</v>
      </c>
    </row>
    <row r="896" spans="1:7" x14ac:dyDescent="0.2">
      <c r="A896" t="s">
        <v>4631</v>
      </c>
      <c r="B896" t="s">
        <v>4632</v>
      </c>
      <c r="C896" t="s">
        <v>4633</v>
      </c>
      <c r="D896" t="s">
        <v>4634</v>
      </c>
      <c r="E896" t="s">
        <v>11</v>
      </c>
      <c r="G896" t="s">
        <v>4635</v>
      </c>
    </row>
    <row r="897" spans="1:7" x14ac:dyDescent="0.2">
      <c r="A897" t="s">
        <v>4636</v>
      </c>
      <c r="B897" t="s">
        <v>4637</v>
      </c>
      <c r="C897" t="s">
        <v>4638</v>
      </c>
      <c r="D897" t="s">
        <v>4639</v>
      </c>
      <c r="E897" t="s">
        <v>11</v>
      </c>
      <c r="G897" t="s">
        <v>4640</v>
      </c>
    </row>
    <row r="898" spans="1:7" x14ac:dyDescent="0.2">
      <c r="A898" t="s">
        <v>4641</v>
      </c>
      <c r="B898" t="s">
        <v>4642</v>
      </c>
      <c r="C898" t="s">
        <v>4643</v>
      </c>
      <c r="D898" t="s">
        <v>4644</v>
      </c>
      <c r="E898" t="s">
        <v>11</v>
      </c>
      <c r="G898" t="s">
        <v>4645</v>
      </c>
    </row>
    <row r="899" spans="1:7" x14ac:dyDescent="0.2">
      <c r="A899" t="s">
        <v>4646</v>
      </c>
      <c r="B899" t="s">
        <v>4647</v>
      </c>
      <c r="C899" t="s">
        <v>4648</v>
      </c>
      <c r="D899" t="s">
        <v>4649</v>
      </c>
      <c r="E899" t="s">
        <v>11</v>
      </c>
      <c r="G899" t="s">
        <v>4650</v>
      </c>
    </row>
    <row r="900" spans="1:7" x14ac:dyDescent="0.2">
      <c r="A900" t="s">
        <v>4651</v>
      </c>
      <c r="B900" t="s">
        <v>4652</v>
      </c>
      <c r="C900" t="s">
        <v>4653</v>
      </c>
      <c r="D900" t="s">
        <v>4654</v>
      </c>
      <c r="E900" t="s">
        <v>11</v>
      </c>
      <c r="G900" t="s">
        <v>4655</v>
      </c>
    </row>
    <row r="901" spans="1:7" x14ac:dyDescent="0.2">
      <c r="A901" t="s">
        <v>4656</v>
      </c>
      <c r="B901" t="s">
        <v>4657</v>
      </c>
      <c r="C901" t="s">
        <v>4658</v>
      </c>
      <c r="D901" t="s">
        <v>4659</v>
      </c>
      <c r="E901" t="s">
        <v>17</v>
      </c>
      <c r="F901" t="s">
        <v>4660</v>
      </c>
      <c r="G901" t="s">
        <v>4661</v>
      </c>
    </row>
    <row r="902" spans="1:7" x14ac:dyDescent="0.2">
      <c r="A902" t="s">
        <v>4662</v>
      </c>
      <c r="B902" t="s">
        <v>4663</v>
      </c>
      <c r="C902" t="s">
        <v>4664</v>
      </c>
      <c r="D902" t="s">
        <v>4665</v>
      </c>
      <c r="E902" t="s">
        <v>11</v>
      </c>
      <c r="G902" t="s">
        <v>4666</v>
      </c>
    </row>
    <row r="903" spans="1:7" x14ac:dyDescent="0.2">
      <c r="A903" t="s">
        <v>4667</v>
      </c>
      <c r="B903" t="s">
        <v>4668</v>
      </c>
      <c r="C903" t="s">
        <v>4669</v>
      </c>
      <c r="D903" t="s">
        <v>4670</v>
      </c>
      <c r="E903" t="s">
        <v>11</v>
      </c>
      <c r="G903" t="s">
        <v>4671</v>
      </c>
    </row>
    <row r="904" spans="1:7" x14ac:dyDescent="0.2">
      <c r="A904" t="s">
        <v>4672</v>
      </c>
      <c r="B904" t="s">
        <v>4673</v>
      </c>
      <c r="C904" t="s">
        <v>4674</v>
      </c>
      <c r="D904" t="s">
        <v>4675</v>
      </c>
      <c r="E904" t="s">
        <v>17</v>
      </c>
      <c r="F904" t="s">
        <v>98</v>
      </c>
      <c r="G904" t="s">
        <v>4676</v>
      </c>
    </row>
    <row r="905" spans="1:7" x14ac:dyDescent="0.2">
      <c r="A905" t="s">
        <v>4677</v>
      </c>
      <c r="B905" t="s">
        <v>4678</v>
      </c>
      <c r="C905" t="s">
        <v>4679</v>
      </c>
      <c r="D905" t="s">
        <v>4680</v>
      </c>
      <c r="E905" t="s">
        <v>17</v>
      </c>
      <c r="F905" t="s">
        <v>4681</v>
      </c>
      <c r="G905" t="s">
        <v>4682</v>
      </c>
    </row>
    <row r="906" spans="1:7" x14ac:dyDescent="0.2">
      <c r="A906" t="s">
        <v>4683</v>
      </c>
      <c r="B906" t="s">
        <v>4684</v>
      </c>
      <c r="C906" t="s">
        <v>4685</v>
      </c>
      <c r="D906" t="s">
        <v>4686</v>
      </c>
      <c r="E906" t="s">
        <v>17</v>
      </c>
      <c r="F906" t="s">
        <v>45</v>
      </c>
      <c r="G906" t="s">
        <v>4687</v>
      </c>
    </row>
    <row r="907" spans="1:7" x14ac:dyDescent="0.2">
      <c r="A907" t="s">
        <v>4688</v>
      </c>
      <c r="B907" t="s">
        <v>4689</v>
      </c>
      <c r="C907" t="s">
        <v>4690</v>
      </c>
      <c r="D907" t="s">
        <v>4691</v>
      </c>
      <c r="E907" t="s">
        <v>17</v>
      </c>
      <c r="F907" t="s">
        <v>45</v>
      </c>
      <c r="G907" t="s">
        <v>4692</v>
      </c>
    </row>
    <row r="908" spans="1:7" x14ac:dyDescent="0.2">
      <c r="A908" t="s">
        <v>4693</v>
      </c>
      <c r="B908" t="s">
        <v>4694</v>
      </c>
      <c r="C908" t="s">
        <v>4695</v>
      </c>
      <c r="D908" t="s">
        <v>4696</v>
      </c>
      <c r="E908" t="s">
        <v>17</v>
      </c>
      <c r="F908" t="s">
        <v>4697</v>
      </c>
      <c r="G908" t="s">
        <v>4698</v>
      </c>
    </row>
    <row r="909" spans="1:7" x14ac:dyDescent="0.2">
      <c r="A909" t="s">
        <v>4699</v>
      </c>
      <c r="B909" t="s">
        <v>4700</v>
      </c>
      <c r="C909" t="s">
        <v>4701</v>
      </c>
      <c r="D909" t="s">
        <v>4702</v>
      </c>
      <c r="E909" t="s">
        <v>11</v>
      </c>
      <c r="G909" t="s">
        <v>4703</v>
      </c>
    </row>
    <row r="910" spans="1:7" x14ac:dyDescent="0.2">
      <c r="A910" t="s">
        <v>4704</v>
      </c>
      <c r="B910" t="s">
        <v>4705</v>
      </c>
      <c r="C910" t="s">
        <v>4706</v>
      </c>
      <c r="D910" t="s">
        <v>4707</v>
      </c>
      <c r="E910" t="s">
        <v>11</v>
      </c>
      <c r="G910" t="s">
        <v>4708</v>
      </c>
    </row>
    <row r="911" spans="1:7" x14ac:dyDescent="0.2">
      <c r="A911" t="s">
        <v>4709</v>
      </c>
      <c r="B911" t="s">
        <v>4710</v>
      </c>
      <c r="C911" t="s">
        <v>4711</v>
      </c>
      <c r="D911" t="s">
        <v>4712</v>
      </c>
      <c r="E911" t="s">
        <v>11</v>
      </c>
      <c r="G911" t="s">
        <v>4713</v>
      </c>
    </row>
    <row r="912" spans="1:7" x14ac:dyDescent="0.2">
      <c r="A912" t="s">
        <v>4714</v>
      </c>
      <c r="B912" t="s">
        <v>4715</v>
      </c>
      <c r="C912" t="s">
        <v>4716</v>
      </c>
      <c r="D912" t="s">
        <v>4717</v>
      </c>
      <c r="E912" t="s">
        <v>17</v>
      </c>
      <c r="F912" t="s">
        <v>4718</v>
      </c>
      <c r="G912" t="s">
        <v>4719</v>
      </c>
    </row>
    <row r="913" spans="1:7" x14ac:dyDescent="0.2">
      <c r="A913" t="s">
        <v>4720</v>
      </c>
      <c r="B913" t="s">
        <v>4721</v>
      </c>
      <c r="C913" t="s">
        <v>4722</v>
      </c>
      <c r="D913" t="s">
        <v>4723</v>
      </c>
      <c r="E913" t="s">
        <v>11</v>
      </c>
      <c r="G913" t="s">
        <v>4724</v>
      </c>
    </row>
    <row r="914" spans="1:7" x14ac:dyDescent="0.2">
      <c r="A914" t="s">
        <v>4725</v>
      </c>
      <c r="B914" t="s">
        <v>4726</v>
      </c>
      <c r="C914" t="s">
        <v>4727</v>
      </c>
      <c r="D914" t="s">
        <v>4728</v>
      </c>
      <c r="E914" t="s">
        <v>11</v>
      </c>
      <c r="G914" t="s">
        <v>4729</v>
      </c>
    </row>
    <row r="915" spans="1:7" x14ac:dyDescent="0.2">
      <c r="A915" t="s">
        <v>4730</v>
      </c>
      <c r="B915" t="s">
        <v>4731</v>
      </c>
      <c r="C915" t="s">
        <v>4732</v>
      </c>
      <c r="D915" t="s">
        <v>4733</v>
      </c>
      <c r="E915" t="s">
        <v>11</v>
      </c>
      <c r="G915" t="s">
        <v>4734</v>
      </c>
    </row>
    <row r="916" spans="1:7" x14ac:dyDescent="0.2">
      <c r="A916" t="s">
        <v>4735</v>
      </c>
      <c r="B916" t="s">
        <v>4736</v>
      </c>
      <c r="C916" t="s">
        <v>4737</v>
      </c>
      <c r="D916" t="s">
        <v>4738</v>
      </c>
      <c r="E916" t="s">
        <v>17</v>
      </c>
      <c r="F916" t="s">
        <v>4414</v>
      </c>
      <c r="G916" t="s">
        <v>4739</v>
      </c>
    </row>
    <row r="917" spans="1:7" x14ac:dyDescent="0.2">
      <c r="A917" t="s">
        <v>4740</v>
      </c>
      <c r="B917" t="s">
        <v>4741</v>
      </c>
      <c r="C917" t="s">
        <v>4742</v>
      </c>
      <c r="D917" t="s">
        <v>4743</v>
      </c>
      <c r="E917" t="s">
        <v>17</v>
      </c>
      <c r="F917" t="s">
        <v>4744</v>
      </c>
      <c r="G917" t="s">
        <v>4745</v>
      </c>
    </row>
    <row r="918" spans="1:7" x14ac:dyDescent="0.2">
      <c r="A918" t="s">
        <v>4746</v>
      </c>
      <c r="B918" t="s">
        <v>4747</v>
      </c>
      <c r="C918" t="s">
        <v>4748</v>
      </c>
      <c r="D918" t="s">
        <v>4749</v>
      </c>
      <c r="E918" t="s">
        <v>17</v>
      </c>
      <c r="F918" t="s">
        <v>4750</v>
      </c>
      <c r="G918" t="s">
        <v>4751</v>
      </c>
    </row>
    <row r="919" spans="1:7" x14ac:dyDescent="0.2">
      <c r="A919" t="s">
        <v>4752</v>
      </c>
      <c r="B919" t="s">
        <v>4753</v>
      </c>
      <c r="C919" t="s">
        <v>4754</v>
      </c>
      <c r="D919" t="s">
        <v>4755</v>
      </c>
      <c r="E919" t="s">
        <v>17</v>
      </c>
      <c r="F919" t="s">
        <v>4756</v>
      </c>
      <c r="G919" t="s">
        <v>4757</v>
      </c>
    </row>
    <row r="920" spans="1:7" x14ac:dyDescent="0.2">
      <c r="A920" t="s">
        <v>4758</v>
      </c>
      <c r="B920" t="s">
        <v>4759</v>
      </c>
      <c r="C920" t="s">
        <v>4760</v>
      </c>
      <c r="D920" t="s">
        <v>4761</v>
      </c>
      <c r="E920" t="s">
        <v>17</v>
      </c>
      <c r="F920" t="s">
        <v>4762</v>
      </c>
      <c r="G920" t="s">
        <v>4763</v>
      </c>
    </row>
    <row r="921" spans="1:7" x14ac:dyDescent="0.2">
      <c r="A921" t="s">
        <v>4764</v>
      </c>
      <c r="B921" t="s">
        <v>4765</v>
      </c>
      <c r="C921" t="s">
        <v>4766</v>
      </c>
      <c r="D921" t="s">
        <v>4767</v>
      </c>
      <c r="E921" t="s">
        <v>17</v>
      </c>
      <c r="F921" t="s">
        <v>310</v>
      </c>
      <c r="G921" t="s">
        <v>4768</v>
      </c>
    </row>
    <row r="922" spans="1:7" x14ac:dyDescent="0.2">
      <c r="A922" t="s">
        <v>4769</v>
      </c>
      <c r="B922" t="s">
        <v>4770</v>
      </c>
      <c r="C922" t="s">
        <v>4771</v>
      </c>
      <c r="D922" t="s">
        <v>4772</v>
      </c>
      <c r="E922" t="s">
        <v>17</v>
      </c>
      <c r="F922" t="s">
        <v>70</v>
      </c>
      <c r="G922" t="s">
        <v>4773</v>
      </c>
    </row>
    <row r="923" spans="1:7" x14ac:dyDescent="0.2">
      <c r="A923" t="s">
        <v>4774</v>
      </c>
      <c r="B923" t="s">
        <v>4775</v>
      </c>
      <c r="C923" t="s">
        <v>4776</v>
      </c>
      <c r="D923" t="s">
        <v>4777</v>
      </c>
      <c r="E923" t="s">
        <v>11</v>
      </c>
      <c r="G923" t="s">
        <v>4778</v>
      </c>
    </row>
    <row r="924" spans="1:7" x14ac:dyDescent="0.2">
      <c r="A924" t="s">
        <v>4779</v>
      </c>
      <c r="B924" t="s">
        <v>4780</v>
      </c>
      <c r="C924" t="s">
        <v>4781</v>
      </c>
      <c r="D924" t="s">
        <v>4782</v>
      </c>
      <c r="E924" t="s">
        <v>11</v>
      </c>
      <c r="G924" t="s">
        <v>4783</v>
      </c>
    </row>
    <row r="925" spans="1:7" x14ac:dyDescent="0.2">
      <c r="A925" t="s">
        <v>4784</v>
      </c>
      <c r="B925" t="s">
        <v>4785</v>
      </c>
      <c r="C925" t="s">
        <v>4786</v>
      </c>
      <c r="D925" t="s">
        <v>4787</v>
      </c>
      <c r="E925" t="s">
        <v>17</v>
      </c>
      <c r="F925" t="s">
        <v>4788</v>
      </c>
      <c r="G925" t="s">
        <v>4789</v>
      </c>
    </row>
    <row r="926" spans="1:7" x14ac:dyDescent="0.2">
      <c r="A926" t="s">
        <v>4790</v>
      </c>
      <c r="B926" t="s">
        <v>4791</v>
      </c>
      <c r="C926" t="s">
        <v>4792</v>
      </c>
      <c r="D926" t="s">
        <v>4793</v>
      </c>
      <c r="E926" t="s">
        <v>17</v>
      </c>
      <c r="F926" t="s">
        <v>70</v>
      </c>
      <c r="G926" t="s">
        <v>4794</v>
      </c>
    </row>
    <row r="927" spans="1:7" x14ac:dyDescent="0.2">
      <c r="A927" t="s">
        <v>4795</v>
      </c>
      <c r="B927" t="s">
        <v>4796</v>
      </c>
      <c r="C927" t="s">
        <v>4797</v>
      </c>
      <c r="D927" t="s">
        <v>4798</v>
      </c>
      <c r="E927" t="s">
        <v>17</v>
      </c>
      <c r="F927" t="s">
        <v>683</v>
      </c>
      <c r="G927" t="s">
        <v>4799</v>
      </c>
    </row>
    <row r="928" spans="1:7" x14ac:dyDescent="0.2">
      <c r="A928" t="s">
        <v>4800</v>
      </c>
      <c r="B928" t="s">
        <v>4801</v>
      </c>
      <c r="C928" t="s">
        <v>4802</v>
      </c>
      <c r="D928" t="s">
        <v>4803</v>
      </c>
      <c r="E928" t="s">
        <v>17</v>
      </c>
      <c r="F928" t="s">
        <v>420</v>
      </c>
      <c r="G928" t="s">
        <v>4804</v>
      </c>
    </row>
    <row r="929" spans="1:7" x14ac:dyDescent="0.2">
      <c r="A929" t="s">
        <v>4805</v>
      </c>
      <c r="B929" t="s">
        <v>4806</v>
      </c>
      <c r="C929" t="s">
        <v>4807</v>
      </c>
      <c r="D929" t="s">
        <v>4808</v>
      </c>
      <c r="E929" t="s">
        <v>11</v>
      </c>
      <c r="F929" t="s">
        <v>4809</v>
      </c>
      <c r="G929" t="s">
        <v>4810</v>
      </c>
    </row>
    <row r="930" spans="1:7" x14ac:dyDescent="0.2">
      <c r="A930" t="s">
        <v>4811</v>
      </c>
      <c r="B930" t="s">
        <v>4812</v>
      </c>
      <c r="C930" t="s">
        <v>4813</v>
      </c>
      <c r="D930" t="s">
        <v>4814</v>
      </c>
      <c r="E930" t="s">
        <v>17</v>
      </c>
      <c r="F930" t="s">
        <v>70</v>
      </c>
      <c r="G930" t="s">
        <v>4815</v>
      </c>
    </row>
    <row r="931" spans="1:7" x14ac:dyDescent="0.2">
      <c r="A931" t="s">
        <v>4816</v>
      </c>
      <c r="B931" t="s">
        <v>4817</v>
      </c>
      <c r="C931" t="s">
        <v>4818</v>
      </c>
      <c r="D931" t="s">
        <v>4819</v>
      </c>
      <c r="E931" t="s">
        <v>11</v>
      </c>
      <c r="G931" t="s">
        <v>4820</v>
      </c>
    </row>
    <row r="932" spans="1:7" x14ac:dyDescent="0.2">
      <c r="A932" t="s">
        <v>4821</v>
      </c>
      <c r="B932" t="s">
        <v>4822</v>
      </c>
      <c r="C932" t="s">
        <v>4823</v>
      </c>
      <c r="D932" t="s">
        <v>4824</v>
      </c>
      <c r="E932" t="s">
        <v>17</v>
      </c>
      <c r="F932" t="s">
        <v>70</v>
      </c>
      <c r="G932" t="s">
        <v>4825</v>
      </c>
    </row>
    <row r="933" spans="1:7" x14ac:dyDescent="0.2">
      <c r="A933" t="s">
        <v>4826</v>
      </c>
      <c r="B933" t="s">
        <v>4827</v>
      </c>
      <c r="C933" t="s">
        <v>4828</v>
      </c>
      <c r="D933" t="s">
        <v>4829</v>
      </c>
      <c r="E933" t="s">
        <v>17</v>
      </c>
      <c r="F933" t="s">
        <v>310</v>
      </c>
      <c r="G933" t="s">
        <v>4830</v>
      </c>
    </row>
    <row r="934" spans="1:7" x14ac:dyDescent="0.2">
      <c r="A934" t="s">
        <v>4831</v>
      </c>
      <c r="B934" t="s">
        <v>4832</v>
      </c>
      <c r="C934" t="s">
        <v>4833</v>
      </c>
      <c r="D934" t="s">
        <v>4834</v>
      </c>
      <c r="E934" t="s">
        <v>17</v>
      </c>
      <c r="F934" t="s">
        <v>4835</v>
      </c>
      <c r="G934" t="s">
        <v>4836</v>
      </c>
    </row>
    <row r="935" spans="1:7" x14ac:dyDescent="0.2">
      <c r="A935" t="s">
        <v>4837</v>
      </c>
      <c r="B935" t="s">
        <v>4838</v>
      </c>
      <c r="C935" t="s">
        <v>4839</v>
      </c>
      <c r="D935" t="s">
        <v>4840</v>
      </c>
      <c r="E935" t="s">
        <v>11</v>
      </c>
      <c r="G935" t="s">
        <v>4841</v>
      </c>
    </row>
    <row r="936" spans="1:7" x14ac:dyDescent="0.2">
      <c r="A936" t="s">
        <v>4842</v>
      </c>
      <c r="B936" t="s">
        <v>4843</v>
      </c>
      <c r="C936" t="s">
        <v>4844</v>
      </c>
      <c r="D936" t="s">
        <v>4845</v>
      </c>
      <c r="E936" t="s">
        <v>11</v>
      </c>
      <c r="G936" t="s">
        <v>4846</v>
      </c>
    </row>
    <row r="937" spans="1:7" x14ac:dyDescent="0.2">
      <c r="A937" t="s">
        <v>4847</v>
      </c>
      <c r="B937" t="s">
        <v>4848</v>
      </c>
      <c r="C937" t="s">
        <v>4849</v>
      </c>
      <c r="D937" t="s">
        <v>4850</v>
      </c>
      <c r="E937" t="s">
        <v>17</v>
      </c>
      <c r="F937" t="s">
        <v>45</v>
      </c>
      <c r="G937" t="s">
        <v>4851</v>
      </c>
    </row>
    <row r="938" spans="1:7" x14ac:dyDescent="0.2">
      <c r="A938" t="s">
        <v>4852</v>
      </c>
      <c r="B938" t="s">
        <v>4853</v>
      </c>
      <c r="C938" t="s">
        <v>4854</v>
      </c>
      <c r="D938" t="s">
        <v>4855</v>
      </c>
      <c r="E938" t="s">
        <v>17</v>
      </c>
      <c r="F938" t="s">
        <v>310</v>
      </c>
      <c r="G938" t="s">
        <v>4856</v>
      </c>
    </row>
    <row r="939" spans="1:7" x14ac:dyDescent="0.2">
      <c r="A939" t="s">
        <v>4857</v>
      </c>
      <c r="B939" t="s">
        <v>4858</v>
      </c>
      <c r="C939" t="s">
        <v>4859</v>
      </c>
      <c r="D939" t="s">
        <v>4860</v>
      </c>
      <c r="E939" t="s">
        <v>11</v>
      </c>
      <c r="G939" t="s">
        <v>4861</v>
      </c>
    </row>
    <row r="940" spans="1:7" x14ac:dyDescent="0.2">
      <c r="A940" t="s">
        <v>4862</v>
      </c>
      <c r="B940" t="s">
        <v>4863</v>
      </c>
      <c r="C940" t="s">
        <v>4864</v>
      </c>
      <c r="D940" t="s">
        <v>4865</v>
      </c>
      <c r="E940" t="s">
        <v>17</v>
      </c>
      <c r="F940" t="s">
        <v>4866</v>
      </c>
      <c r="G940" t="s">
        <v>4867</v>
      </c>
    </row>
    <row r="941" spans="1:7" x14ac:dyDescent="0.2">
      <c r="A941" t="s">
        <v>4868</v>
      </c>
      <c r="B941" t="s">
        <v>4869</v>
      </c>
      <c r="C941" t="s">
        <v>4870</v>
      </c>
      <c r="D941" t="s">
        <v>4871</v>
      </c>
      <c r="E941" t="s">
        <v>17</v>
      </c>
      <c r="F941" t="s">
        <v>70</v>
      </c>
      <c r="G941" t="s">
        <v>4872</v>
      </c>
    </row>
    <row r="942" spans="1:7" x14ac:dyDescent="0.2">
      <c r="A942" t="s">
        <v>4873</v>
      </c>
      <c r="B942" t="s">
        <v>4874</v>
      </c>
      <c r="C942" t="s">
        <v>4875</v>
      </c>
      <c r="D942" t="s">
        <v>4876</v>
      </c>
      <c r="E942" t="s">
        <v>11</v>
      </c>
      <c r="G942" t="s">
        <v>4877</v>
      </c>
    </row>
    <row r="943" spans="1:7" x14ac:dyDescent="0.2">
      <c r="A943" t="s">
        <v>4878</v>
      </c>
      <c r="B943" t="s">
        <v>4879</v>
      </c>
      <c r="C943" t="s">
        <v>4880</v>
      </c>
      <c r="D943" t="s">
        <v>4881</v>
      </c>
      <c r="E943" t="s">
        <v>11</v>
      </c>
      <c r="G943" t="s">
        <v>4882</v>
      </c>
    </row>
    <row r="944" spans="1:7" x14ac:dyDescent="0.2">
      <c r="A944" t="s">
        <v>4883</v>
      </c>
      <c r="B944" t="s">
        <v>4884</v>
      </c>
      <c r="C944" t="s">
        <v>4885</v>
      </c>
      <c r="D944" t="s">
        <v>4886</v>
      </c>
      <c r="E944" t="s">
        <v>11</v>
      </c>
      <c r="G944" t="s">
        <v>4887</v>
      </c>
    </row>
    <row r="945" spans="1:7" x14ac:dyDescent="0.2">
      <c r="A945" t="s">
        <v>4888</v>
      </c>
      <c r="B945" t="s">
        <v>4889</v>
      </c>
      <c r="C945" t="s">
        <v>4890</v>
      </c>
      <c r="D945" t="s">
        <v>4891</v>
      </c>
      <c r="E945" t="s">
        <v>17</v>
      </c>
      <c r="F945" t="s">
        <v>310</v>
      </c>
      <c r="G945" t="s">
        <v>4892</v>
      </c>
    </row>
    <row r="946" spans="1:7" x14ac:dyDescent="0.2">
      <c r="A946" t="s">
        <v>4893</v>
      </c>
      <c r="B946" t="s">
        <v>4894</v>
      </c>
      <c r="C946" t="s">
        <v>4895</v>
      </c>
      <c r="D946" t="s">
        <v>4896</v>
      </c>
      <c r="E946" t="s">
        <v>17</v>
      </c>
      <c r="F946" t="s">
        <v>2410</v>
      </c>
      <c r="G946" t="s">
        <v>4897</v>
      </c>
    </row>
    <row r="947" spans="1:7" x14ac:dyDescent="0.2">
      <c r="A947" t="s">
        <v>4898</v>
      </c>
      <c r="B947" t="s">
        <v>4899</v>
      </c>
      <c r="C947" t="s">
        <v>4900</v>
      </c>
      <c r="D947" t="s">
        <v>4901</v>
      </c>
      <c r="E947" t="s">
        <v>17</v>
      </c>
      <c r="F947" t="s">
        <v>57</v>
      </c>
      <c r="G947" t="s">
        <v>4902</v>
      </c>
    </row>
    <row r="948" spans="1:7" x14ac:dyDescent="0.2">
      <c r="A948" t="s">
        <v>4903</v>
      </c>
      <c r="B948" t="s">
        <v>4904</v>
      </c>
      <c r="C948" t="s">
        <v>4905</v>
      </c>
      <c r="D948" t="s">
        <v>4906</v>
      </c>
      <c r="E948" t="s">
        <v>11</v>
      </c>
      <c r="G948" t="s">
        <v>4907</v>
      </c>
    </row>
    <row r="949" spans="1:7" x14ac:dyDescent="0.2">
      <c r="A949" t="s">
        <v>4908</v>
      </c>
      <c r="B949" t="s">
        <v>4909</v>
      </c>
      <c r="C949" t="s">
        <v>4910</v>
      </c>
      <c r="D949" t="s">
        <v>4911</v>
      </c>
      <c r="E949" t="s">
        <v>17</v>
      </c>
      <c r="F949" t="s">
        <v>4912</v>
      </c>
      <c r="G949" t="s">
        <v>4913</v>
      </c>
    </row>
    <row r="950" spans="1:7" x14ac:dyDescent="0.2">
      <c r="A950" t="s">
        <v>4914</v>
      </c>
      <c r="B950" t="s">
        <v>4915</v>
      </c>
      <c r="C950" t="s">
        <v>4916</v>
      </c>
      <c r="D950" t="s">
        <v>4917</v>
      </c>
      <c r="E950" t="s">
        <v>17</v>
      </c>
      <c r="F950" t="s">
        <v>310</v>
      </c>
      <c r="G950" t="s">
        <v>4918</v>
      </c>
    </row>
    <row r="951" spans="1:7" x14ac:dyDescent="0.2">
      <c r="A951" t="s">
        <v>4919</v>
      </c>
      <c r="B951" t="s">
        <v>4920</v>
      </c>
      <c r="C951" t="s">
        <v>4921</v>
      </c>
      <c r="D951" t="s">
        <v>4922</v>
      </c>
      <c r="E951" t="s">
        <v>17</v>
      </c>
      <c r="F951" t="s">
        <v>4923</v>
      </c>
      <c r="G951" t="s">
        <v>4924</v>
      </c>
    </row>
    <row r="952" spans="1:7" x14ac:dyDescent="0.2">
      <c r="A952" t="s">
        <v>4925</v>
      </c>
      <c r="B952" t="s">
        <v>4926</v>
      </c>
      <c r="C952" t="s">
        <v>4927</v>
      </c>
      <c r="D952" t="s">
        <v>4928</v>
      </c>
      <c r="E952" t="s">
        <v>17</v>
      </c>
      <c r="F952" t="s">
        <v>70</v>
      </c>
      <c r="G952" t="s">
        <v>4929</v>
      </c>
    </row>
    <row r="953" spans="1:7" x14ac:dyDescent="0.2">
      <c r="A953" t="s">
        <v>4930</v>
      </c>
      <c r="B953" t="s">
        <v>4931</v>
      </c>
      <c r="C953" t="s">
        <v>4932</v>
      </c>
      <c r="D953" t="s">
        <v>4933</v>
      </c>
      <c r="E953" t="s">
        <v>17</v>
      </c>
      <c r="F953" t="s">
        <v>4934</v>
      </c>
      <c r="G953" t="s">
        <v>4935</v>
      </c>
    </row>
    <row r="954" spans="1:7" x14ac:dyDescent="0.2">
      <c r="A954" t="s">
        <v>4936</v>
      </c>
      <c r="B954" t="s">
        <v>4937</v>
      </c>
      <c r="C954" t="s">
        <v>4938</v>
      </c>
      <c r="D954" t="s">
        <v>4939</v>
      </c>
      <c r="E954" t="s">
        <v>17</v>
      </c>
      <c r="F954" t="s">
        <v>2373</v>
      </c>
      <c r="G954" t="s">
        <v>4940</v>
      </c>
    </row>
    <row r="955" spans="1:7" x14ac:dyDescent="0.2">
      <c r="A955" t="s">
        <v>4941</v>
      </c>
      <c r="B955" t="s">
        <v>4942</v>
      </c>
      <c r="C955" t="s">
        <v>4943</v>
      </c>
      <c r="D955" t="s">
        <v>4944</v>
      </c>
      <c r="E955" t="s">
        <v>11</v>
      </c>
      <c r="G955" t="s">
        <v>4945</v>
      </c>
    </row>
    <row r="956" spans="1:7" x14ac:dyDescent="0.2">
      <c r="A956" t="s">
        <v>4946</v>
      </c>
      <c r="B956" t="s">
        <v>4947</v>
      </c>
      <c r="C956" t="s">
        <v>4948</v>
      </c>
      <c r="D956" t="s">
        <v>4949</v>
      </c>
      <c r="E956" t="s">
        <v>11</v>
      </c>
      <c r="G956" t="s">
        <v>4950</v>
      </c>
    </row>
    <row r="957" spans="1:7" x14ac:dyDescent="0.2">
      <c r="A957" t="s">
        <v>4951</v>
      </c>
      <c r="B957" t="s">
        <v>4952</v>
      </c>
      <c r="C957" t="s">
        <v>4953</v>
      </c>
      <c r="D957" t="s">
        <v>4954</v>
      </c>
      <c r="E957" t="s">
        <v>17</v>
      </c>
      <c r="F957" t="s">
        <v>4955</v>
      </c>
      <c r="G957" t="s">
        <v>4956</v>
      </c>
    </row>
    <row r="958" spans="1:7" x14ac:dyDescent="0.2">
      <c r="A958" t="s">
        <v>4957</v>
      </c>
      <c r="B958" t="s">
        <v>4958</v>
      </c>
      <c r="C958" t="s">
        <v>4959</v>
      </c>
      <c r="D958" t="s">
        <v>4960</v>
      </c>
      <c r="E958" t="s">
        <v>11</v>
      </c>
      <c r="G958" t="s">
        <v>4961</v>
      </c>
    </row>
    <row r="959" spans="1:7" x14ac:dyDescent="0.2">
      <c r="A959" t="s">
        <v>4962</v>
      </c>
      <c r="B959" t="s">
        <v>4963</v>
      </c>
      <c r="C959" t="s">
        <v>4964</v>
      </c>
      <c r="D959" t="s">
        <v>4965</v>
      </c>
      <c r="E959" t="s">
        <v>11</v>
      </c>
      <c r="G959" t="s">
        <v>4966</v>
      </c>
    </row>
    <row r="960" spans="1:7" x14ac:dyDescent="0.2">
      <c r="A960" t="s">
        <v>4967</v>
      </c>
      <c r="B960" t="s">
        <v>4968</v>
      </c>
      <c r="C960" t="s">
        <v>4969</v>
      </c>
      <c r="D960" t="s">
        <v>4970</v>
      </c>
      <c r="E960" t="s">
        <v>11</v>
      </c>
      <c r="G960" t="s">
        <v>4971</v>
      </c>
    </row>
    <row r="961" spans="1:7" x14ac:dyDescent="0.2">
      <c r="A961" t="s">
        <v>4972</v>
      </c>
      <c r="B961" t="s">
        <v>4973</v>
      </c>
      <c r="C961" t="s">
        <v>4974</v>
      </c>
      <c r="D961" t="s">
        <v>4975</v>
      </c>
      <c r="E961" t="s">
        <v>11</v>
      </c>
      <c r="G961" t="s">
        <v>4976</v>
      </c>
    </row>
    <row r="962" spans="1:7" x14ac:dyDescent="0.2">
      <c r="A962" t="s">
        <v>4977</v>
      </c>
      <c r="B962" t="s">
        <v>4978</v>
      </c>
      <c r="C962" t="s">
        <v>4979</v>
      </c>
      <c r="D962" t="s">
        <v>4980</v>
      </c>
      <c r="E962" t="s">
        <v>17</v>
      </c>
      <c r="F962" t="s">
        <v>4981</v>
      </c>
      <c r="G962" t="s">
        <v>4982</v>
      </c>
    </row>
    <row r="963" spans="1:7" x14ac:dyDescent="0.2">
      <c r="A963" t="s">
        <v>4983</v>
      </c>
      <c r="B963" t="s">
        <v>4984</v>
      </c>
      <c r="C963" t="s">
        <v>4985</v>
      </c>
      <c r="D963" t="s">
        <v>4986</v>
      </c>
      <c r="E963" t="s">
        <v>17</v>
      </c>
      <c r="F963" t="s">
        <v>98</v>
      </c>
      <c r="G963" t="s">
        <v>4987</v>
      </c>
    </row>
    <row r="964" spans="1:7" x14ac:dyDescent="0.2">
      <c r="A964" t="s">
        <v>4988</v>
      </c>
      <c r="B964" t="s">
        <v>4989</v>
      </c>
      <c r="C964" t="s">
        <v>4990</v>
      </c>
      <c r="D964" t="s">
        <v>4991</v>
      </c>
      <c r="E964" t="s">
        <v>11</v>
      </c>
      <c r="G964" t="s">
        <v>4992</v>
      </c>
    </row>
    <row r="965" spans="1:7" x14ac:dyDescent="0.2">
      <c r="A965" t="s">
        <v>4993</v>
      </c>
      <c r="B965" t="s">
        <v>4994</v>
      </c>
      <c r="C965" t="s">
        <v>4995</v>
      </c>
      <c r="D965" t="s">
        <v>4996</v>
      </c>
      <c r="E965" t="s">
        <v>11</v>
      </c>
      <c r="G965" t="s">
        <v>4997</v>
      </c>
    </row>
    <row r="966" spans="1:7" x14ac:dyDescent="0.2">
      <c r="A966" t="s">
        <v>4998</v>
      </c>
      <c r="B966" t="s">
        <v>4999</v>
      </c>
      <c r="C966" t="s">
        <v>5000</v>
      </c>
      <c r="D966" t="s">
        <v>5001</v>
      </c>
      <c r="E966" t="s">
        <v>17</v>
      </c>
      <c r="F966" t="s">
        <v>683</v>
      </c>
      <c r="G966" t="s">
        <v>5002</v>
      </c>
    </row>
    <row r="967" spans="1:7" x14ac:dyDescent="0.2">
      <c r="A967" t="s">
        <v>5003</v>
      </c>
      <c r="B967" t="s">
        <v>5004</v>
      </c>
      <c r="C967" t="s">
        <v>5005</v>
      </c>
      <c r="D967" t="s">
        <v>5006</v>
      </c>
      <c r="E967" t="s">
        <v>11</v>
      </c>
      <c r="G967" t="s">
        <v>5007</v>
      </c>
    </row>
    <row r="968" spans="1:7" x14ac:dyDescent="0.2">
      <c r="A968" t="s">
        <v>5008</v>
      </c>
      <c r="B968" t="s">
        <v>5009</v>
      </c>
      <c r="C968" t="s">
        <v>5010</v>
      </c>
      <c r="D968" t="s">
        <v>5011</v>
      </c>
      <c r="E968" t="s">
        <v>17</v>
      </c>
      <c r="F968" t="s">
        <v>5012</v>
      </c>
      <c r="G968" t="s">
        <v>5013</v>
      </c>
    </row>
    <row r="969" spans="1:7" x14ac:dyDescent="0.2">
      <c r="A969" t="s">
        <v>5014</v>
      </c>
      <c r="B969" t="s">
        <v>5015</v>
      </c>
      <c r="C969" t="s">
        <v>5016</v>
      </c>
      <c r="D969" t="s">
        <v>5017</v>
      </c>
      <c r="E969" t="s">
        <v>17</v>
      </c>
      <c r="F969" t="s">
        <v>5012</v>
      </c>
      <c r="G969" t="s">
        <v>5018</v>
      </c>
    </row>
    <row r="970" spans="1:7" x14ac:dyDescent="0.2">
      <c r="A970" t="s">
        <v>5019</v>
      </c>
      <c r="B970" t="s">
        <v>5020</v>
      </c>
      <c r="C970" t="s">
        <v>5021</v>
      </c>
      <c r="D970" t="s">
        <v>5022</v>
      </c>
      <c r="E970" t="s">
        <v>17</v>
      </c>
      <c r="F970" t="s">
        <v>98</v>
      </c>
      <c r="G970" t="s">
        <v>5023</v>
      </c>
    </row>
    <row r="971" spans="1:7" x14ac:dyDescent="0.2">
      <c r="A971" t="s">
        <v>5024</v>
      </c>
      <c r="B971" t="s">
        <v>5025</v>
      </c>
      <c r="C971" t="s">
        <v>5026</v>
      </c>
      <c r="D971" t="s">
        <v>5027</v>
      </c>
      <c r="E971" t="s">
        <v>11</v>
      </c>
      <c r="G971" t="s">
        <v>5028</v>
      </c>
    </row>
    <row r="972" spans="1:7" x14ac:dyDescent="0.2">
      <c r="A972" t="s">
        <v>5029</v>
      </c>
      <c r="B972" t="s">
        <v>5030</v>
      </c>
      <c r="C972" t="s">
        <v>5031</v>
      </c>
      <c r="D972" t="s">
        <v>5032</v>
      </c>
      <c r="E972" t="s">
        <v>287</v>
      </c>
      <c r="F972" t="s">
        <v>288</v>
      </c>
      <c r="G972" t="s">
        <v>5033</v>
      </c>
    </row>
    <row r="973" spans="1:7" x14ac:dyDescent="0.2">
      <c r="A973" t="s">
        <v>5034</v>
      </c>
      <c r="B973" t="s">
        <v>5035</v>
      </c>
      <c r="C973" t="s">
        <v>5036</v>
      </c>
      <c r="D973" t="s">
        <v>5037</v>
      </c>
      <c r="E973" t="s">
        <v>11</v>
      </c>
      <c r="G973" t="s">
        <v>5038</v>
      </c>
    </row>
    <row r="974" spans="1:7" x14ac:dyDescent="0.2">
      <c r="A974" t="s">
        <v>5039</v>
      </c>
      <c r="B974" t="s">
        <v>5040</v>
      </c>
      <c r="C974" t="s">
        <v>5041</v>
      </c>
      <c r="D974" t="s">
        <v>5042</v>
      </c>
      <c r="E974" t="s">
        <v>17</v>
      </c>
      <c r="F974" t="s">
        <v>5043</v>
      </c>
      <c r="G974" t="s">
        <v>5044</v>
      </c>
    </row>
    <row r="975" spans="1:7" x14ac:dyDescent="0.2">
      <c r="A975" t="s">
        <v>5045</v>
      </c>
      <c r="B975" t="s">
        <v>5046</v>
      </c>
      <c r="C975" t="s">
        <v>5047</v>
      </c>
      <c r="D975" t="s">
        <v>5048</v>
      </c>
      <c r="E975" t="s">
        <v>11</v>
      </c>
      <c r="G975" t="s">
        <v>5049</v>
      </c>
    </row>
    <row r="976" spans="1:7" x14ac:dyDescent="0.2">
      <c r="A976" t="s">
        <v>5050</v>
      </c>
      <c r="B976" t="s">
        <v>5051</v>
      </c>
      <c r="C976" t="s">
        <v>5052</v>
      </c>
      <c r="D976" t="s">
        <v>5053</v>
      </c>
      <c r="E976" t="s">
        <v>11</v>
      </c>
      <c r="G976" t="s">
        <v>5054</v>
      </c>
    </row>
    <row r="977" spans="1:7" x14ac:dyDescent="0.2">
      <c r="A977" t="s">
        <v>5055</v>
      </c>
      <c r="B977" t="s">
        <v>5056</v>
      </c>
      <c r="C977" t="s">
        <v>5057</v>
      </c>
      <c r="D977" t="s">
        <v>5058</v>
      </c>
      <c r="E977" t="s">
        <v>11</v>
      </c>
      <c r="G977" t="s">
        <v>5059</v>
      </c>
    </row>
    <row r="978" spans="1:7" x14ac:dyDescent="0.2">
      <c r="A978" t="s">
        <v>5060</v>
      </c>
      <c r="B978" t="s">
        <v>5061</v>
      </c>
      <c r="C978" t="s">
        <v>5062</v>
      </c>
      <c r="D978" t="s">
        <v>5063</v>
      </c>
      <c r="E978" t="s">
        <v>17</v>
      </c>
      <c r="F978" t="s">
        <v>45</v>
      </c>
      <c r="G978" t="s">
        <v>5064</v>
      </c>
    </row>
    <row r="979" spans="1:7" x14ac:dyDescent="0.2">
      <c r="A979" t="s">
        <v>5065</v>
      </c>
      <c r="B979" t="s">
        <v>5066</v>
      </c>
      <c r="C979" t="s">
        <v>5067</v>
      </c>
      <c r="D979" t="s">
        <v>5068</v>
      </c>
      <c r="E979" t="s">
        <v>17</v>
      </c>
      <c r="F979" t="s">
        <v>70</v>
      </c>
      <c r="G979" t="s">
        <v>5069</v>
      </c>
    </row>
    <row r="980" spans="1:7" x14ac:dyDescent="0.2">
      <c r="A980" t="s">
        <v>5070</v>
      </c>
      <c r="B980" t="s">
        <v>5071</v>
      </c>
      <c r="C980" t="s">
        <v>5072</v>
      </c>
      <c r="D980" t="s">
        <v>5073</v>
      </c>
      <c r="E980" t="s">
        <v>17</v>
      </c>
      <c r="F980" t="s">
        <v>1044</v>
      </c>
      <c r="G980" t="s">
        <v>5074</v>
      </c>
    </row>
    <row r="981" spans="1:7" x14ac:dyDescent="0.2">
      <c r="A981" t="s">
        <v>5075</v>
      </c>
      <c r="B981" t="s">
        <v>5076</v>
      </c>
      <c r="C981" t="s">
        <v>5077</v>
      </c>
      <c r="D981" t="s">
        <v>5078</v>
      </c>
      <c r="E981" t="s">
        <v>17</v>
      </c>
      <c r="F981" t="s">
        <v>1044</v>
      </c>
      <c r="G981" t="s">
        <v>5079</v>
      </c>
    </row>
    <row r="982" spans="1:7" x14ac:dyDescent="0.2">
      <c r="A982" t="s">
        <v>5080</v>
      </c>
      <c r="B982" t="s">
        <v>5081</v>
      </c>
      <c r="C982" t="s">
        <v>5082</v>
      </c>
      <c r="D982" t="s">
        <v>5083</v>
      </c>
      <c r="E982" t="s">
        <v>17</v>
      </c>
      <c r="F982" t="s">
        <v>1044</v>
      </c>
      <c r="G982" t="s">
        <v>5084</v>
      </c>
    </row>
    <row r="983" spans="1:7" x14ac:dyDescent="0.2">
      <c r="A983" t="s">
        <v>5085</v>
      </c>
      <c r="B983" t="s">
        <v>5086</v>
      </c>
      <c r="C983" t="s">
        <v>5087</v>
      </c>
      <c r="D983" t="s">
        <v>5088</v>
      </c>
      <c r="E983" t="s">
        <v>11</v>
      </c>
      <c r="G983" t="s">
        <v>5089</v>
      </c>
    </row>
    <row r="984" spans="1:7" x14ac:dyDescent="0.2">
      <c r="A984" t="s">
        <v>5090</v>
      </c>
      <c r="B984" t="s">
        <v>5091</v>
      </c>
      <c r="C984" t="s">
        <v>5092</v>
      </c>
      <c r="D984" t="s">
        <v>5093</v>
      </c>
      <c r="E984" t="s">
        <v>11</v>
      </c>
      <c r="G984" t="s">
        <v>5094</v>
      </c>
    </row>
    <row r="985" spans="1:7" x14ac:dyDescent="0.2">
      <c r="A985" t="s">
        <v>5095</v>
      </c>
      <c r="B985" t="s">
        <v>5096</v>
      </c>
      <c r="C985" t="s">
        <v>5097</v>
      </c>
      <c r="D985" t="s">
        <v>5098</v>
      </c>
      <c r="E985" t="s">
        <v>11</v>
      </c>
      <c r="G985" t="s">
        <v>5099</v>
      </c>
    </row>
    <row r="986" spans="1:7" x14ac:dyDescent="0.2">
      <c r="A986" t="s">
        <v>5100</v>
      </c>
      <c r="B986" t="s">
        <v>5101</v>
      </c>
      <c r="C986" t="s">
        <v>5102</v>
      </c>
      <c r="D986" t="s">
        <v>5103</v>
      </c>
      <c r="E986" t="s">
        <v>11</v>
      </c>
      <c r="G986" t="s">
        <v>5104</v>
      </c>
    </row>
    <row r="987" spans="1:7" x14ac:dyDescent="0.2">
      <c r="A987" t="s">
        <v>5105</v>
      </c>
      <c r="B987" t="s">
        <v>5106</v>
      </c>
      <c r="C987" t="s">
        <v>5107</v>
      </c>
      <c r="D987" t="s">
        <v>5108</v>
      </c>
      <c r="E987" t="s">
        <v>17</v>
      </c>
      <c r="F987" t="s">
        <v>70</v>
      </c>
      <c r="G987" t="s">
        <v>5109</v>
      </c>
    </row>
    <row r="988" spans="1:7" x14ac:dyDescent="0.2">
      <c r="A988" t="s">
        <v>5110</v>
      </c>
      <c r="B988" t="s">
        <v>5111</v>
      </c>
      <c r="C988" t="s">
        <v>5112</v>
      </c>
      <c r="D988" t="s">
        <v>5113</v>
      </c>
      <c r="E988" t="s">
        <v>17</v>
      </c>
      <c r="F988" t="s">
        <v>4718</v>
      </c>
      <c r="G988" t="s">
        <v>5114</v>
      </c>
    </row>
    <row r="989" spans="1:7" x14ac:dyDescent="0.2">
      <c r="A989" t="s">
        <v>5115</v>
      </c>
      <c r="B989" t="s">
        <v>5116</v>
      </c>
      <c r="C989" t="s">
        <v>5117</v>
      </c>
      <c r="D989" t="s">
        <v>5118</v>
      </c>
      <c r="E989" t="s">
        <v>11</v>
      </c>
      <c r="G989" t="s">
        <v>5119</v>
      </c>
    </row>
    <row r="990" spans="1:7" x14ac:dyDescent="0.2">
      <c r="A990" t="s">
        <v>5120</v>
      </c>
      <c r="B990" t="s">
        <v>5121</v>
      </c>
      <c r="C990" t="s">
        <v>5122</v>
      </c>
      <c r="D990" t="s">
        <v>5123</v>
      </c>
      <c r="E990" t="s">
        <v>17</v>
      </c>
      <c r="F990" t="s">
        <v>81</v>
      </c>
      <c r="G990" t="s">
        <v>5124</v>
      </c>
    </row>
    <row r="991" spans="1:7" x14ac:dyDescent="0.2">
      <c r="A991" t="s">
        <v>5125</v>
      </c>
      <c r="B991" t="s">
        <v>5126</v>
      </c>
      <c r="C991" t="s">
        <v>5127</v>
      </c>
      <c r="D991" t="s">
        <v>5128</v>
      </c>
      <c r="E991" t="s">
        <v>17</v>
      </c>
      <c r="F991" t="s">
        <v>5129</v>
      </c>
      <c r="G991" t="s">
        <v>5130</v>
      </c>
    </row>
    <row r="992" spans="1:7" x14ac:dyDescent="0.2">
      <c r="A992" t="s">
        <v>5131</v>
      </c>
      <c r="B992" t="s">
        <v>5132</v>
      </c>
      <c r="C992" t="s">
        <v>5133</v>
      </c>
      <c r="D992" t="s">
        <v>5134</v>
      </c>
      <c r="E992" t="s">
        <v>17</v>
      </c>
      <c r="F992" t="s">
        <v>5135</v>
      </c>
      <c r="G992" t="s">
        <v>5136</v>
      </c>
    </row>
    <row r="993" spans="1:7" x14ac:dyDescent="0.2">
      <c r="A993" t="s">
        <v>5137</v>
      </c>
      <c r="B993" t="s">
        <v>5138</v>
      </c>
      <c r="C993" t="s">
        <v>5139</v>
      </c>
      <c r="D993" t="s">
        <v>5140</v>
      </c>
      <c r="E993" t="s">
        <v>17</v>
      </c>
      <c r="F993" t="s">
        <v>5141</v>
      </c>
      <c r="G993" t="s">
        <v>5142</v>
      </c>
    </row>
    <row r="994" spans="1:7" x14ac:dyDescent="0.2">
      <c r="A994" t="s">
        <v>5143</v>
      </c>
      <c r="B994" t="s">
        <v>5144</v>
      </c>
      <c r="C994" t="s">
        <v>5145</v>
      </c>
      <c r="D994" t="s">
        <v>5146</v>
      </c>
      <c r="E994" t="s">
        <v>11</v>
      </c>
      <c r="G994" t="s">
        <v>5147</v>
      </c>
    </row>
    <row r="995" spans="1:7" x14ac:dyDescent="0.2">
      <c r="A995" t="s">
        <v>5148</v>
      </c>
      <c r="B995" t="s">
        <v>5149</v>
      </c>
      <c r="C995" t="s">
        <v>5150</v>
      </c>
      <c r="D995" t="s">
        <v>5151</v>
      </c>
      <c r="E995" t="s">
        <v>11</v>
      </c>
      <c r="G995" t="s">
        <v>5152</v>
      </c>
    </row>
    <row r="996" spans="1:7" x14ac:dyDescent="0.2">
      <c r="A996" t="s">
        <v>5153</v>
      </c>
      <c r="B996" t="s">
        <v>5154</v>
      </c>
      <c r="C996" t="s">
        <v>5155</v>
      </c>
      <c r="D996" t="s">
        <v>5156</v>
      </c>
      <c r="E996" t="s">
        <v>17</v>
      </c>
      <c r="F996" t="s">
        <v>5157</v>
      </c>
      <c r="G996" t="s">
        <v>5158</v>
      </c>
    </row>
    <row r="997" spans="1:7" x14ac:dyDescent="0.2">
      <c r="A997" t="s">
        <v>5159</v>
      </c>
      <c r="B997" t="s">
        <v>5160</v>
      </c>
      <c r="C997" t="s">
        <v>5161</v>
      </c>
      <c r="D997" t="s">
        <v>5162</v>
      </c>
      <c r="E997" t="s">
        <v>11</v>
      </c>
      <c r="G997" t="s">
        <v>5163</v>
      </c>
    </row>
    <row r="998" spans="1:7" x14ac:dyDescent="0.2">
      <c r="A998" t="s">
        <v>5164</v>
      </c>
      <c r="B998" t="s">
        <v>5165</v>
      </c>
      <c r="C998" t="s">
        <v>5166</v>
      </c>
      <c r="D998" t="s">
        <v>5167</v>
      </c>
      <c r="E998" t="s">
        <v>17</v>
      </c>
      <c r="F998" t="s">
        <v>98</v>
      </c>
      <c r="G998" t="s">
        <v>5168</v>
      </c>
    </row>
    <row r="999" spans="1:7" x14ac:dyDescent="0.2">
      <c r="A999" t="s">
        <v>5169</v>
      </c>
      <c r="B999" t="s">
        <v>5170</v>
      </c>
      <c r="C999" t="s">
        <v>5171</v>
      </c>
      <c r="D999" t="s">
        <v>5172</v>
      </c>
      <c r="E999" t="s">
        <v>11</v>
      </c>
      <c r="G999" t="s">
        <v>5173</v>
      </c>
    </row>
    <row r="1000" spans="1:7" x14ac:dyDescent="0.2">
      <c r="A1000" t="s">
        <v>5174</v>
      </c>
      <c r="B1000" t="s">
        <v>5175</v>
      </c>
      <c r="C1000" t="s">
        <v>5176</v>
      </c>
      <c r="D1000" t="s">
        <v>5177</v>
      </c>
      <c r="E1000" t="s">
        <v>17</v>
      </c>
      <c r="F1000" t="s">
        <v>5178</v>
      </c>
      <c r="G1000" t="s">
        <v>5179</v>
      </c>
    </row>
    <row r="1001" spans="1:7" x14ac:dyDescent="0.2">
      <c r="A1001" t="s">
        <v>5180</v>
      </c>
      <c r="B1001" t="s">
        <v>5181</v>
      </c>
      <c r="C1001" t="s">
        <v>5182</v>
      </c>
      <c r="D1001" t="s">
        <v>5183</v>
      </c>
      <c r="E1001" t="s">
        <v>11</v>
      </c>
      <c r="G1001" t="s">
        <v>5184</v>
      </c>
    </row>
    <row r="1002" spans="1:7" x14ac:dyDescent="0.2">
      <c r="A1002" t="s">
        <v>5185</v>
      </c>
      <c r="B1002" t="s">
        <v>5186</v>
      </c>
      <c r="C1002" t="s">
        <v>5187</v>
      </c>
      <c r="D1002" t="s">
        <v>5188</v>
      </c>
      <c r="E1002" t="s">
        <v>11</v>
      </c>
      <c r="G1002" t="s">
        <v>5189</v>
      </c>
    </row>
    <row r="1003" spans="1:7" x14ac:dyDescent="0.2">
      <c r="A1003" t="s">
        <v>5190</v>
      </c>
      <c r="B1003" t="s">
        <v>5191</v>
      </c>
      <c r="C1003" t="s">
        <v>5192</v>
      </c>
      <c r="D1003" t="s">
        <v>5193</v>
      </c>
      <c r="E1003" t="s">
        <v>17</v>
      </c>
      <c r="F1003" t="s">
        <v>1044</v>
      </c>
      <c r="G1003" t="s">
        <v>5194</v>
      </c>
    </row>
    <row r="1004" spans="1:7" x14ac:dyDescent="0.2">
      <c r="A1004" t="s">
        <v>5195</v>
      </c>
      <c r="B1004" t="s">
        <v>5196</v>
      </c>
      <c r="C1004" t="s">
        <v>5197</v>
      </c>
      <c r="D1004" t="s">
        <v>5198</v>
      </c>
      <c r="E1004" t="s">
        <v>11</v>
      </c>
      <c r="G1004" t="s">
        <v>5199</v>
      </c>
    </row>
    <row r="1005" spans="1:7" x14ac:dyDescent="0.2">
      <c r="A1005" t="s">
        <v>5200</v>
      </c>
      <c r="B1005" t="s">
        <v>5201</v>
      </c>
      <c r="C1005" t="s">
        <v>5202</v>
      </c>
      <c r="D1005" t="s">
        <v>5203</v>
      </c>
      <c r="E1005" t="s">
        <v>11</v>
      </c>
      <c r="G1005" t="s">
        <v>5204</v>
      </c>
    </row>
    <row r="1006" spans="1:7" x14ac:dyDescent="0.2">
      <c r="A1006" t="s">
        <v>5205</v>
      </c>
      <c r="B1006" t="s">
        <v>5206</v>
      </c>
      <c r="C1006" t="s">
        <v>5207</v>
      </c>
      <c r="D1006" t="s">
        <v>3599</v>
      </c>
      <c r="E1006" t="s">
        <v>63</v>
      </c>
      <c r="F1006" t="s">
        <v>5208</v>
      </c>
      <c r="G1006" t="s">
        <v>5209</v>
      </c>
    </row>
    <row r="1007" spans="1:7" x14ac:dyDescent="0.2">
      <c r="A1007" t="s">
        <v>5210</v>
      </c>
      <c r="B1007" t="s">
        <v>5211</v>
      </c>
      <c r="C1007" t="s">
        <v>5212</v>
      </c>
      <c r="D1007" t="s">
        <v>3599</v>
      </c>
      <c r="E1007" t="s">
        <v>17</v>
      </c>
      <c r="F1007" t="s">
        <v>5213</v>
      </c>
      <c r="G1007" t="s">
        <v>5214</v>
      </c>
    </row>
    <row r="1008" spans="1:7" x14ac:dyDescent="0.2">
      <c r="A1008" t="s">
        <v>5215</v>
      </c>
      <c r="B1008" t="s">
        <v>5216</v>
      </c>
      <c r="C1008" t="s">
        <v>5217</v>
      </c>
      <c r="D1008" t="s">
        <v>5218</v>
      </c>
      <c r="E1008" t="s">
        <v>11</v>
      </c>
      <c r="G1008" t="s">
        <v>5219</v>
      </c>
    </row>
    <row r="1009" spans="1:7" x14ac:dyDescent="0.2">
      <c r="A1009" t="s">
        <v>5220</v>
      </c>
      <c r="B1009" t="s">
        <v>5221</v>
      </c>
      <c r="C1009" t="s">
        <v>5222</v>
      </c>
      <c r="D1009" t="s">
        <v>5223</v>
      </c>
      <c r="E1009" t="s">
        <v>11</v>
      </c>
      <c r="G1009" t="s">
        <v>5224</v>
      </c>
    </row>
    <row r="1010" spans="1:7" x14ac:dyDescent="0.2">
      <c r="A1010" t="s">
        <v>5225</v>
      </c>
      <c r="B1010" t="s">
        <v>5226</v>
      </c>
      <c r="C1010" t="s">
        <v>5227</v>
      </c>
      <c r="D1010" t="s">
        <v>5228</v>
      </c>
      <c r="E1010" t="s">
        <v>11</v>
      </c>
      <c r="G1010" t="s">
        <v>5229</v>
      </c>
    </row>
    <row r="1011" spans="1:7" x14ac:dyDescent="0.2">
      <c r="A1011" t="s">
        <v>5230</v>
      </c>
      <c r="B1011" t="s">
        <v>5231</v>
      </c>
      <c r="C1011" t="s">
        <v>5232</v>
      </c>
      <c r="D1011" t="s">
        <v>5233</v>
      </c>
      <c r="E1011" t="s">
        <v>17</v>
      </c>
      <c r="F1011" t="s">
        <v>70</v>
      </c>
      <c r="G1011" t="s">
        <v>5234</v>
      </c>
    </row>
    <row r="1012" spans="1:7" x14ac:dyDescent="0.2">
      <c r="A1012" t="s">
        <v>5235</v>
      </c>
      <c r="B1012" t="s">
        <v>5236</v>
      </c>
      <c r="C1012" t="s">
        <v>5237</v>
      </c>
      <c r="D1012" t="s">
        <v>5238</v>
      </c>
      <c r="E1012" t="s">
        <v>11</v>
      </c>
      <c r="G1012" t="s">
        <v>5239</v>
      </c>
    </row>
    <row r="1013" spans="1:7" x14ac:dyDescent="0.2">
      <c r="A1013" t="s">
        <v>5240</v>
      </c>
      <c r="B1013" t="s">
        <v>5241</v>
      </c>
      <c r="C1013" t="s">
        <v>5242</v>
      </c>
      <c r="D1013" t="s">
        <v>5243</v>
      </c>
      <c r="E1013" t="s">
        <v>11</v>
      </c>
      <c r="G1013" t="s">
        <v>5244</v>
      </c>
    </row>
    <row r="1014" spans="1:7" x14ac:dyDescent="0.2">
      <c r="A1014" t="s">
        <v>5245</v>
      </c>
      <c r="B1014" t="s">
        <v>5246</v>
      </c>
      <c r="C1014" t="s">
        <v>5247</v>
      </c>
      <c r="D1014" t="s">
        <v>5248</v>
      </c>
      <c r="E1014" t="s">
        <v>17</v>
      </c>
      <c r="F1014" t="s">
        <v>5249</v>
      </c>
      <c r="G1014" t="s">
        <v>5250</v>
      </c>
    </row>
    <row r="1015" spans="1:7" x14ac:dyDescent="0.2">
      <c r="A1015" t="s">
        <v>5251</v>
      </c>
      <c r="B1015" t="s">
        <v>5252</v>
      </c>
      <c r="C1015" t="s">
        <v>5253</v>
      </c>
      <c r="D1015" t="s">
        <v>5254</v>
      </c>
      <c r="E1015" t="s">
        <v>17</v>
      </c>
      <c r="F1015" t="s">
        <v>2373</v>
      </c>
      <c r="G1015" t="s">
        <v>5255</v>
      </c>
    </row>
    <row r="1016" spans="1:7" x14ac:dyDescent="0.2">
      <c r="A1016" t="s">
        <v>5256</v>
      </c>
      <c r="B1016" t="s">
        <v>5257</v>
      </c>
      <c r="C1016" t="s">
        <v>5258</v>
      </c>
      <c r="D1016" t="s">
        <v>5259</v>
      </c>
      <c r="E1016" t="s">
        <v>11</v>
      </c>
      <c r="G1016" t="s">
        <v>5260</v>
      </c>
    </row>
    <row r="1017" spans="1:7" x14ac:dyDescent="0.2">
      <c r="A1017" t="s">
        <v>5261</v>
      </c>
      <c r="B1017" t="s">
        <v>5262</v>
      </c>
      <c r="C1017" t="s">
        <v>5263</v>
      </c>
      <c r="D1017" t="s">
        <v>5264</v>
      </c>
      <c r="E1017" t="s">
        <v>11</v>
      </c>
      <c r="G1017" t="s">
        <v>5265</v>
      </c>
    </row>
    <row r="1018" spans="1:7" x14ac:dyDescent="0.2">
      <c r="A1018" t="s">
        <v>5266</v>
      </c>
      <c r="B1018" t="s">
        <v>5267</v>
      </c>
      <c r="C1018" t="s">
        <v>5268</v>
      </c>
      <c r="D1018" t="s">
        <v>5269</v>
      </c>
      <c r="E1018" t="s">
        <v>17</v>
      </c>
      <c r="F1018" t="s">
        <v>45</v>
      </c>
      <c r="G1018" t="s">
        <v>5270</v>
      </c>
    </row>
    <row r="1019" spans="1:7" x14ac:dyDescent="0.2">
      <c r="A1019" t="s">
        <v>5271</v>
      </c>
      <c r="B1019" t="s">
        <v>5272</v>
      </c>
      <c r="C1019" t="s">
        <v>5273</v>
      </c>
      <c r="D1019" t="s">
        <v>5274</v>
      </c>
      <c r="E1019" t="s">
        <v>11</v>
      </c>
      <c r="G1019" t="s">
        <v>5275</v>
      </c>
    </row>
    <row r="1020" spans="1:7" x14ac:dyDescent="0.2">
      <c r="A1020" t="s">
        <v>5276</v>
      </c>
      <c r="B1020" t="s">
        <v>5277</v>
      </c>
      <c r="C1020" t="s">
        <v>5278</v>
      </c>
      <c r="D1020" t="s">
        <v>5279</v>
      </c>
      <c r="E1020" t="s">
        <v>17</v>
      </c>
      <c r="F1020" t="s">
        <v>5280</v>
      </c>
      <c r="G1020" t="s">
        <v>5281</v>
      </c>
    </row>
    <row r="1021" spans="1:7" x14ac:dyDescent="0.2">
      <c r="A1021" t="s">
        <v>5282</v>
      </c>
      <c r="B1021" t="s">
        <v>5283</v>
      </c>
      <c r="C1021" t="s">
        <v>5284</v>
      </c>
      <c r="D1021" t="s">
        <v>5285</v>
      </c>
      <c r="E1021" t="s">
        <v>11</v>
      </c>
      <c r="G1021" t="s">
        <v>5286</v>
      </c>
    </row>
    <row r="1022" spans="1:7" x14ac:dyDescent="0.2">
      <c r="A1022" t="s">
        <v>5287</v>
      </c>
      <c r="B1022" t="s">
        <v>5288</v>
      </c>
      <c r="C1022" t="s">
        <v>5289</v>
      </c>
      <c r="D1022" t="s">
        <v>5290</v>
      </c>
      <c r="E1022" t="s">
        <v>11</v>
      </c>
      <c r="G1022" t="s">
        <v>5291</v>
      </c>
    </row>
    <row r="1023" spans="1:7" x14ac:dyDescent="0.2">
      <c r="A1023" t="s">
        <v>5292</v>
      </c>
      <c r="B1023" t="s">
        <v>5293</v>
      </c>
      <c r="C1023" t="s">
        <v>5294</v>
      </c>
      <c r="D1023" t="s">
        <v>5295</v>
      </c>
      <c r="E1023" t="s">
        <v>17</v>
      </c>
      <c r="F1023" t="s">
        <v>5296</v>
      </c>
      <c r="G1023" t="s">
        <v>5297</v>
      </c>
    </row>
    <row r="1024" spans="1:7" x14ac:dyDescent="0.2">
      <c r="A1024" t="s">
        <v>5298</v>
      </c>
      <c r="B1024" t="s">
        <v>5299</v>
      </c>
      <c r="C1024" t="s">
        <v>5300</v>
      </c>
      <c r="D1024" t="s">
        <v>5301</v>
      </c>
      <c r="E1024" t="s">
        <v>11</v>
      </c>
      <c r="G1024" t="s">
        <v>5302</v>
      </c>
    </row>
    <row r="1025" spans="1:7" x14ac:dyDescent="0.2">
      <c r="A1025" t="s">
        <v>5303</v>
      </c>
      <c r="B1025" t="s">
        <v>5304</v>
      </c>
      <c r="C1025" t="s">
        <v>5305</v>
      </c>
      <c r="D1025" t="s">
        <v>5306</v>
      </c>
      <c r="E1025" t="s">
        <v>11</v>
      </c>
      <c r="G1025" t="s">
        <v>5307</v>
      </c>
    </row>
    <row r="1026" spans="1:7" x14ac:dyDescent="0.2">
      <c r="A1026" t="s">
        <v>5308</v>
      </c>
      <c r="B1026" t="s">
        <v>5309</v>
      </c>
      <c r="C1026" t="s">
        <v>5310</v>
      </c>
      <c r="D1026" t="s">
        <v>5311</v>
      </c>
      <c r="E1026" t="s">
        <v>17</v>
      </c>
      <c r="F1026" t="s">
        <v>70</v>
      </c>
      <c r="G1026" t="s">
        <v>5312</v>
      </c>
    </row>
    <row r="1027" spans="1:7" x14ac:dyDescent="0.2">
      <c r="A1027" t="s">
        <v>5313</v>
      </c>
      <c r="B1027" t="s">
        <v>5314</v>
      </c>
      <c r="C1027" t="s">
        <v>5315</v>
      </c>
      <c r="D1027" t="s">
        <v>5316</v>
      </c>
      <c r="E1027" t="s">
        <v>11</v>
      </c>
      <c r="G1027" t="s">
        <v>5317</v>
      </c>
    </row>
    <row r="1028" spans="1:7" x14ac:dyDescent="0.2">
      <c r="A1028" t="s">
        <v>5318</v>
      </c>
      <c r="B1028" t="s">
        <v>5319</v>
      </c>
      <c r="C1028" t="s">
        <v>5320</v>
      </c>
      <c r="D1028" t="s">
        <v>5321</v>
      </c>
      <c r="E1028" t="s">
        <v>11</v>
      </c>
      <c r="G1028" t="s">
        <v>5322</v>
      </c>
    </row>
    <row r="1029" spans="1:7" x14ac:dyDescent="0.2">
      <c r="A1029" t="s">
        <v>5323</v>
      </c>
      <c r="B1029" t="s">
        <v>5324</v>
      </c>
      <c r="C1029" t="s">
        <v>5325</v>
      </c>
      <c r="D1029" t="s">
        <v>5326</v>
      </c>
      <c r="E1029" t="s">
        <v>11</v>
      </c>
      <c r="G1029" t="s">
        <v>5327</v>
      </c>
    </row>
    <row r="1030" spans="1:7" x14ac:dyDescent="0.2">
      <c r="A1030" t="s">
        <v>5328</v>
      </c>
      <c r="B1030" t="s">
        <v>5329</v>
      </c>
      <c r="C1030" t="s">
        <v>5330</v>
      </c>
      <c r="D1030" t="s">
        <v>5331</v>
      </c>
      <c r="E1030" t="s">
        <v>17</v>
      </c>
      <c r="F1030" t="s">
        <v>1612</v>
      </c>
      <c r="G1030" t="s">
        <v>5332</v>
      </c>
    </row>
    <row r="1031" spans="1:7" x14ac:dyDescent="0.2">
      <c r="A1031" t="s">
        <v>5333</v>
      </c>
      <c r="B1031" t="s">
        <v>5334</v>
      </c>
      <c r="C1031" t="s">
        <v>5335</v>
      </c>
      <c r="D1031" t="s">
        <v>5336</v>
      </c>
      <c r="E1031" t="s">
        <v>11</v>
      </c>
      <c r="G1031" t="s">
        <v>5337</v>
      </c>
    </row>
    <row r="1032" spans="1:7" x14ac:dyDescent="0.2">
      <c r="A1032" t="s">
        <v>5338</v>
      </c>
      <c r="B1032" t="s">
        <v>5339</v>
      </c>
      <c r="C1032" t="s">
        <v>5340</v>
      </c>
      <c r="D1032" t="s">
        <v>4808</v>
      </c>
      <c r="E1032" t="s">
        <v>63</v>
      </c>
      <c r="F1032" t="s">
        <v>5341</v>
      </c>
      <c r="G1032" t="s">
        <v>5342</v>
      </c>
    </row>
    <row r="1033" spans="1:7" x14ac:dyDescent="0.2">
      <c r="A1033" t="s">
        <v>5343</v>
      </c>
      <c r="B1033" t="s">
        <v>5344</v>
      </c>
      <c r="C1033" t="s">
        <v>5345</v>
      </c>
      <c r="D1033" t="s">
        <v>5346</v>
      </c>
      <c r="E1033" t="s">
        <v>17</v>
      </c>
      <c r="F1033" t="s">
        <v>5347</v>
      </c>
      <c r="G1033" t="s">
        <v>5348</v>
      </c>
    </row>
    <row r="1034" spans="1:7" x14ac:dyDescent="0.2">
      <c r="A1034" t="s">
        <v>5349</v>
      </c>
      <c r="B1034" t="s">
        <v>5350</v>
      </c>
      <c r="C1034" t="s">
        <v>5351</v>
      </c>
      <c r="D1034" t="s">
        <v>5352</v>
      </c>
      <c r="E1034" t="s">
        <v>11</v>
      </c>
      <c r="G1034" t="s">
        <v>5353</v>
      </c>
    </row>
    <row r="1035" spans="1:7" x14ac:dyDescent="0.2">
      <c r="A1035" t="s">
        <v>5354</v>
      </c>
      <c r="B1035" t="s">
        <v>5355</v>
      </c>
      <c r="C1035" t="s">
        <v>5356</v>
      </c>
      <c r="D1035" t="s">
        <v>5357</v>
      </c>
      <c r="E1035" t="s">
        <v>11</v>
      </c>
      <c r="G1035" t="s">
        <v>5358</v>
      </c>
    </row>
    <row r="1036" spans="1:7" x14ac:dyDescent="0.2">
      <c r="A1036" t="s">
        <v>5359</v>
      </c>
      <c r="B1036" t="s">
        <v>5360</v>
      </c>
      <c r="C1036" t="s">
        <v>5361</v>
      </c>
      <c r="D1036" t="s">
        <v>5362</v>
      </c>
      <c r="E1036" t="s">
        <v>11</v>
      </c>
      <c r="G1036" t="s">
        <v>5363</v>
      </c>
    </row>
    <row r="1037" spans="1:7" x14ac:dyDescent="0.2">
      <c r="A1037" t="s">
        <v>5364</v>
      </c>
      <c r="B1037" t="s">
        <v>5365</v>
      </c>
      <c r="C1037" t="s">
        <v>5366</v>
      </c>
      <c r="D1037" t="s">
        <v>5367</v>
      </c>
      <c r="E1037" t="s">
        <v>11</v>
      </c>
      <c r="G1037" t="s">
        <v>5368</v>
      </c>
    </row>
    <row r="1038" spans="1:7" x14ac:dyDescent="0.2">
      <c r="A1038" t="s">
        <v>5369</v>
      </c>
      <c r="B1038" t="s">
        <v>5370</v>
      </c>
      <c r="C1038" t="s">
        <v>5371</v>
      </c>
      <c r="D1038" t="s">
        <v>5372</v>
      </c>
      <c r="E1038" t="s">
        <v>11</v>
      </c>
      <c r="G1038" t="s">
        <v>5373</v>
      </c>
    </row>
    <row r="1039" spans="1:7" x14ac:dyDescent="0.2">
      <c r="A1039" t="s">
        <v>5374</v>
      </c>
      <c r="B1039" t="s">
        <v>5375</v>
      </c>
      <c r="C1039" t="s">
        <v>5376</v>
      </c>
      <c r="D1039" t="s">
        <v>5377</v>
      </c>
      <c r="E1039" t="s">
        <v>63</v>
      </c>
      <c r="F1039" t="s">
        <v>5378</v>
      </c>
      <c r="G1039" t="s">
        <v>5379</v>
      </c>
    </row>
    <row r="1040" spans="1:7" x14ac:dyDescent="0.2">
      <c r="A1040" t="s">
        <v>5380</v>
      </c>
      <c r="B1040" t="s">
        <v>5381</v>
      </c>
      <c r="C1040" t="s">
        <v>5382</v>
      </c>
      <c r="D1040" t="s">
        <v>5383</v>
      </c>
      <c r="E1040" t="s">
        <v>17</v>
      </c>
      <c r="F1040" t="s">
        <v>5384</v>
      </c>
      <c r="G1040" t="s">
        <v>5385</v>
      </c>
    </row>
    <row r="1041" spans="1:7" x14ac:dyDescent="0.2">
      <c r="A1041" t="s">
        <v>5386</v>
      </c>
      <c r="B1041" t="s">
        <v>5387</v>
      </c>
      <c r="C1041" t="s">
        <v>5388</v>
      </c>
      <c r="D1041" t="s">
        <v>5389</v>
      </c>
      <c r="E1041" t="s">
        <v>11</v>
      </c>
      <c r="G1041" t="s">
        <v>5390</v>
      </c>
    </row>
    <row r="1042" spans="1:7" x14ac:dyDescent="0.2">
      <c r="A1042" t="s">
        <v>5391</v>
      </c>
      <c r="B1042" t="s">
        <v>5392</v>
      </c>
      <c r="C1042" t="s">
        <v>5393</v>
      </c>
      <c r="D1042" t="s">
        <v>5394</v>
      </c>
      <c r="E1042" t="s">
        <v>11</v>
      </c>
      <c r="G1042" t="s">
        <v>5395</v>
      </c>
    </row>
    <row r="1043" spans="1:7" x14ac:dyDescent="0.2">
      <c r="A1043" t="s">
        <v>5396</v>
      </c>
      <c r="B1043" t="s">
        <v>5397</v>
      </c>
      <c r="C1043" t="s">
        <v>5398</v>
      </c>
      <c r="D1043" t="s">
        <v>5399</v>
      </c>
      <c r="E1043" t="s">
        <v>17</v>
      </c>
      <c r="F1043" t="s">
        <v>45</v>
      </c>
      <c r="G1043" t="s">
        <v>5400</v>
      </c>
    </row>
    <row r="1044" spans="1:7" x14ac:dyDescent="0.2">
      <c r="A1044" t="s">
        <v>5401</v>
      </c>
      <c r="B1044" t="s">
        <v>5402</v>
      </c>
      <c r="C1044" t="s">
        <v>5403</v>
      </c>
      <c r="D1044" t="s">
        <v>5404</v>
      </c>
      <c r="E1044" t="s">
        <v>11</v>
      </c>
      <c r="G1044" t="s">
        <v>5405</v>
      </c>
    </row>
    <row r="1045" spans="1:7" x14ac:dyDescent="0.2">
      <c r="A1045" t="s">
        <v>5406</v>
      </c>
      <c r="B1045" t="s">
        <v>5407</v>
      </c>
      <c r="C1045" t="s">
        <v>5408</v>
      </c>
      <c r="D1045" t="s">
        <v>5409</v>
      </c>
      <c r="E1045" t="s">
        <v>11</v>
      </c>
      <c r="G1045" t="s">
        <v>5410</v>
      </c>
    </row>
    <row r="1046" spans="1:7" x14ac:dyDescent="0.2">
      <c r="A1046" t="s">
        <v>5411</v>
      </c>
      <c r="B1046" t="s">
        <v>5412</v>
      </c>
      <c r="C1046" t="s">
        <v>5413</v>
      </c>
      <c r="D1046" t="s">
        <v>5414</v>
      </c>
      <c r="E1046" t="s">
        <v>11</v>
      </c>
      <c r="G1046" t="s">
        <v>5415</v>
      </c>
    </row>
    <row r="1047" spans="1:7" x14ac:dyDescent="0.2">
      <c r="A1047" t="s">
        <v>5416</v>
      </c>
      <c r="B1047" t="s">
        <v>5417</v>
      </c>
      <c r="C1047" t="s">
        <v>5418</v>
      </c>
      <c r="D1047" t="s">
        <v>5419</v>
      </c>
      <c r="E1047" t="s">
        <v>17</v>
      </c>
      <c r="F1047" t="s">
        <v>2410</v>
      </c>
      <c r="G1047" t="s">
        <v>5420</v>
      </c>
    </row>
    <row r="1048" spans="1:7" x14ac:dyDescent="0.2">
      <c r="A1048" t="s">
        <v>5421</v>
      </c>
      <c r="B1048" t="s">
        <v>5422</v>
      </c>
      <c r="C1048" t="s">
        <v>5423</v>
      </c>
      <c r="D1048" t="s">
        <v>5424</v>
      </c>
      <c r="E1048" t="s">
        <v>17</v>
      </c>
      <c r="F1048" t="s">
        <v>18</v>
      </c>
      <c r="G1048" t="s">
        <v>5425</v>
      </c>
    </row>
    <row r="1049" spans="1:7" x14ac:dyDescent="0.2">
      <c r="A1049" t="s">
        <v>5426</v>
      </c>
      <c r="B1049" t="s">
        <v>5427</v>
      </c>
      <c r="C1049" t="s">
        <v>5428</v>
      </c>
      <c r="D1049" t="s">
        <v>5429</v>
      </c>
      <c r="E1049" t="s">
        <v>17</v>
      </c>
      <c r="F1049" t="s">
        <v>70</v>
      </c>
      <c r="G1049" t="s">
        <v>5430</v>
      </c>
    </row>
    <row r="1050" spans="1:7" x14ac:dyDescent="0.2">
      <c r="A1050" t="s">
        <v>5431</v>
      </c>
      <c r="B1050" t="s">
        <v>5432</v>
      </c>
      <c r="C1050" t="s">
        <v>5433</v>
      </c>
      <c r="D1050" t="s">
        <v>5434</v>
      </c>
      <c r="E1050" t="s">
        <v>17</v>
      </c>
      <c r="F1050" t="s">
        <v>3722</v>
      </c>
      <c r="G1050" t="s">
        <v>5435</v>
      </c>
    </row>
    <row r="1051" spans="1:7" x14ac:dyDescent="0.2">
      <c r="A1051" t="s">
        <v>5436</v>
      </c>
      <c r="B1051" t="s">
        <v>5437</v>
      </c>
      <c r="C1051" t="s">
        <v>5438</v>
      </c>
      <c r="D1051" t="s">
        <v>5439</v>
      </c>
      <c r="E1051" t="s">
        <v>11</v>
      </c>
      <c r="G1051" t="s">
        <v>5440</v>
      </c>
    </row>
    <row r="1052" spans="1:7" x14ac:dyDescent="0.2">
      <c r="A1052" t="s">
        <v>5441</v>
      </c>
      <c r="B1052" t="s">
        <v>5442</v>
      </c>
      <c r="C1052" t="s">
        <v>5443</v>
      </c>
      <c r="D1052" t="s">
        <v>5444</v>
      </c>
      <c r="E1052" t="s">
        <v>17</v>
      </c>
      <c r="F1052" t="s">
        <v>5445</v>
      </c>
      <c r="G1052" t="s">
        <v>5446</v>
      </c>
    </row>
    <row r="1053" spans="1:7" x14ac:dyDescent="0.2">
      <c r="A1053" t="s">
        <v>5447</v>
      </c>
      <c r="B1053" t="s">
        <v>5448</v>
      </c>
      <c r="C1053" t="s">
        <v>5449</v>
      </c>
      <c r="D1053" t="s">
        <v>5444</v>
      </c>
      <c r="E1053" t="s">
        <v>63</v>
      </c>
      <c r="F1053" t="s">
        <v>5450</v>
      </c>
      <c r="G1053" t="s">
        <v>5451</v>
      </c>
    </row>
    <row r="1054" spans="1:7" x14ac:dyDescent="0.2">
      <c r="A1054" t="s">
        <v>5452</v>
      </c>
      <c r="B1054" t="s">
        <v>5453</v>
      </c>
      <c r="C1054" t="s">
        <v>5454</v>
      </c>
      <c r="D1054" t="s">
        <v>5455</v>
      </c>
      <c r="E1054" t="s">
        <v>17</v>
      </c>
      <c r="F1054" t="s">
        <v>70</v>
      </c>
      <c r="G1054" t="s">
        <v>5456</v>
      </c>
    </row>
    <row r="1055" spans="1:7" x14ac:dyDescent="0.2">
      <c r="A1055" t="s">
        <v>5457</v>
      </c>
      <c r="B1055" t="s">
        <v>5458</v>
      </c>
      <c r="C1055" t="s">
        <v>5459</v>
      </c>
      <c r="D1055" t="s">
        <v>5460</v>
      </c>
      <c r="E1055" t="s">
        <v>17</v>
      </c>
      <c r="F1055" t="s">
        <v>5461</v>
      </c>
      <c r="G1055" t="s">
        <v>5462</v>
      </c>
    </row>
    <row r="1056" spans="1:7" x14ac:dyDescent="0.2">
      <c r="A1056" t="s">
        <v>5463</v>
      </c>
      <c r="B1056" t="s">
        <v>5464</v>
      </c>
      <c r="C1056" t="s">
        <v>5465</v>
      </c>
      <c r="D1056" t="s">
        <v>5466</v>
      </c>
      <c r="E1056" t="s">
        <v>11</v>
      </c>
      <c r="G1056" t="s">
        <v>5467</v>
      </c>
    </row>
    <row r="1057" spans="1:7" x14ac:dyDescent="0.2">
      <c r="A1057" t="s">
        <v>5468</v>
      </c>
      <c r="B1057" t="s">
        <v>5469</v>
      </c>
      <c r="C1057" t="s">
        <v>5470</v>
      </c>
      <c r="D1057" t="s">
        <v>5471</v>
      </c>
      <c r="E1057" t="s">
        <v>11</v>
      </c>
      <c r="G1057" t="s">
        <v>5472</v>
      </c>
    </row>
    <row r="1058" spans="1:7" x14ac:dyDescent="0.2">
      <c r="A1058" t="s">
        <v>5473</v>
      </c>
      <c r="B1058" t="s">
        <v>5474</v>
      </c>
      <c r="C1058" t="s">
        <v>5475</v>
      </c>
      <c r="D1058" t="s">
        <v>5476</v>
      </c>
      <c r="E1058" t="s">
        <v>11</v>
      </c>
      <c r="G1058" t="s">
        <v>5477</v>
      </c>
    </row>
    <row r="1059" spans="1:7" x14ac:dyDescent="0.2">
      <c r="A1059" t="s">
        <v>5478</v>
      </c>
      <c r="B1059" t="s">
        <v>5479</v>
      </c>
      <c r="C1059" t="s">
        <v>5480</v>
      </c>
      <c r="D1059" t="s">
        <v>4865</v>
      </c>
      <c r="E1059" t="s">
        <v>63</v>
      </c>
      <c r="F1059" t="s">
        <v>5481</v>
      </c>
      <c r="G1059" t="s">
        <v>5482</v>
      </c>
    </row>
    <row r="1060" spans="1:7" x14ac:dyDescent="0.2">
      <c r="A1060" t="s">
        <v>5483</v>
      </c>
      <c r="B1060" t="s">
        <v>5484</v>
      </c>
      <c r="C1060" t="s">
        <v>5485</v>
      </c>
      <c r="D1060" t="s">
        <v>5486</v>
      </c>
      <c r="E1060" t="s">
        <v>11</v>
      </c>
      <c r="G1060" t="s">
        <v>5487</v>
      </c>
    </row>
    <row r="1061" spans="1:7" x14ac:dyDescent="0.2">
      <c r="A1061" t="s">
        <v>5488</v>
      </c>
      <c r="B1061" t="s">
        <v>5489</v>
      </c>
      <c r="C1061" t="s">
        <v>5490</v>
      </c>
      <c r="D1061" t="s">
        <v>5491</v>
      </c>
      <c r="E1061" t="s">
        <v>11</v>
      </c>
      <c r="G1061" t="s">
        <v>5492</v>
      </c>
    </row>
    <row r="1062" spans="1:7" x14ac:dyDescent="0.2">
      <c r="A1062" t="s">
        <v>5493</v>
      </c>
      <c r="B1062" t="s">
        <v>5494</v>
      </c>
      <c r="C1062" t="s">
        <v>5495</v>
      </c>
      <c r="D1062" t="s">
        <v>5496</v>
      </c>
      <c r="E1062" t="s">
        <v>11</v>
      </c>
      <c r="G1062" t="s">
        <v>5497</v>
      </c>
    </row>
    <row r="1063" spans="1:7" x14ac:dyDescent="0.2">
      <c r="A1063" t="s">
        <v>5498</v>
      </c>
      <c r="B1063" t="s">
        <v>5499</v>
      </c>
      <c r="C1063" t="s">
        <v>5500</v>
      </c>
      <c r="D1063" t="s">
        <v>5501</v>
      </c>
      <c r="E1063" t="s">
        <v>11</v>
      </c>
      <c r="G1063" t="s">
        <v>5502</v>
      </c>
    </row>
    <row r="1064" spans="1:7" x14ac:dyDescent="0.2">
      <c r="A1064" t="s">
        <v>5503</v>
      </c>
      <c r="B1064" t="s">
        <v>5504</v>
      </c>
      <c r="C1064" t="s">
        <v>5505</v>
      </c>
      <c r="D1064" t="s">
        <v>5506</v>
      </c>
      <c r="E1064" t="s">
        <v>17</v>
      </c>
      <c r="F1064" t="s">
        <v>45</v>
      </c>
      <c r="G1064" t="s">
        <v>5507</v>
      </c>
    </row>
    <row r="1065" spans="1:7" x14ac:dyDescent="0.2">
      <c r="A1065" t="s">
        <v>5508</v>
      </c>
      <c r="B1065" t="s">
        <v>5509</v>
      </c>
      <c r="C1065" t="s">
        <v>5510</v>
      </c>
      <c r="D1065" t="s">
        <v>5511</v>
      </c>
      <c r="E1065" t="s">
        <v>11</v>
      </c>
      <c r="G1065" t="s">
        <v>5512</v>
      </c>
    </row>
    <row r="1066" spans="1:7" x14ac:dyDescent="0.2">
      <c r="A1066" t="s">
        <v>5513</v>
      </c>
      <c r="B1066" t="s">
        <v>5514</v>
      </c>
      <c r="C1066" t="s">
        <v>5515</v>
      </c>
      <c r="D1066" t="s">
        <v>5516</v>
      </c>
      <c r="E1066" t="s">
        <v>17</v>
      </c>
      <c r="F1066" t="s">
        <v>45</v>
      </c>
      <c r="G1066" t="s">
        <v>5517</v>
      </c>
    </row>
    <row r="1067" spans="1:7" x14ac:dyDescent="0.2">
      <c r="A1067" t="s">
        <v>5518</v>
      </c>
      <c r="B1067" t="s">
        <v>5519</v>
      </c>
      <c r="C1067" t="s">
        <v>5520</v>
      </c>
      <c r="D1067" t="s">
        <v>5460</v>
      </c>
      <c r="E1067" t="s">
        <v>63</v>
      </c>
      <c r="F1067" t="s">
        <v>5521</v>
      </c>
      <c r="G1067" t="s">
        <v>5522</v>
      </c>
    </row>
    <row r="1068" spans="1:7" x14ac:dyDescent="0.2">
      <c r="A1068" t="s">
        <v>5523</v>
      </c>
      <c r="B1068" t="s">
        <v>5524</v>
      </c>
      <c r="C1068" t="s">
        <v>5525</v>
      </c>
      <c r="D1068" t="s">
        <v>3794</v>
      </c>
      <c r="E1068" t="s">
        <v>11</v>
      </c>
      <c r="G1068" t="s">
        <v>5526</v>
      </c>
    </row>
    <row r="1069" spans="1:7" x14ac:dyDescent="0.2">
      <c r="A1069" t="s">
        <v>5527</v>
      </c>
      <c r="B1069" t="s">
        <v>5528</v>
      </c>
      <c r="C1069" t="s">
        <v>5529</v>
      </c>
      <c r="D1069" t="s">
        <v>5530</v>
      </c>
      <c r="E1069" t="s">
        <v>11</v>
      </c>
      <c r="G1069" t="s">
        <v>5531</v>
      </c>
    </row>
    <row r="1070" spans="1:7" x14ac:dyDescent="0.2">
      <c r="A1070" t="s">
        <v>5532</v>
      </c>
      <c r="B1070" t="s">
        <v>5533</v>
      </c>
      <c r="C1070" t="s">
        <v>5534</v>
      </c>
      <c r="D1070" t="s">
        <v>5535</v>
      </c>
      <c r="E1070" t="s">
        <v>11</v>
      </c>
      <c r="G1070" t="s">
        <v>5536</v>
      </c>
    </row>
    <row r="1071" spans="1:7" x14ac:dyDescent="0.2">
      <c r="A1071" t="s">
        <v>5537</v>
      </c>
      <c r="B1071" t="s">
        <v>5538</v>
      </c>
      <c r="C1071" t="s">
        <v>5539</v>
      </c>
      <c r="D1071" t="s">
        <v>5540</v>
      </c>
      <c r="E1071" t="s">
        <v>11</v>
      </c>
      <c r="G1071" t="s">
        <v>5541</v>
      </c>
    </row>
    <row r="1072" spans="1:7" x14ac:dyDescent="0.2">
      <c r="A1072" t="s">
        <v>5542</v>
      </c>
      <c r="B1072" t="s">
        <v>5543</v>
      </c>
      <c r="C1072" t="s">
        <v>5544</v>
      </c>
      <c r="D1072" t="s">
        <v>5545</v>
      </c>
      <c r="E1072" t="s">
        <v>11</v>
      </c>
      <c r="G1072" t="s">
        <v>5546</v>
      </c>
    </row>
    <row r="1073" spans="1:7" x14ac:dyDescent="0.2">
      <c r="A1073" t="s">
        <v>5547</v>
      </c>
      <c r="B1073" t="s">
        <v>5548</v>
      </c>
      <c r="C1073" t="s">
        <v>5549</v>
      </c>
      <c r="D1073" t="s">
        <v>5550</v>
      </c>
      <c r="E1073" t="s">
        <v>17</v>
      </c>
      <c r="F1073" t="s">
        <v>98</v>
      </c>
      <c r="G1073" t="s">
        <v>5551</v>
      </c>
    </row>
    <row r="1074" spans="1:7" x14ac:dyDescent="0.2">
      <c r="A1074" t="s">
        <v>5552</v>
      </c>
      <c r="B1074" t="s">
        <v>5553</v>
      </c>
      <c r="C1074" t="s">
        <v>5554</v>
      </c>
      <c r="D1074" t="s">
        <v>5555</v>
      </c>
      <c r="E1074" t="s">
        <v>11</v>
      </c>
      <c r="G1074" t="s">
        <v>5556</v>
      </c>
    </row>
    <row r="1075" spans="1:7" x14ac:dyDescent="0.2">
      <c r="A1075" t="s">
        <v>5557</v>
      </c>
      <c r="B1075" t="s">
        <v>5558</v>
      </c>
      <c r="C1075" t="s">
        <v>5559</v>
      </c>
      <c r="D1075" t="s">
        <v>5560</v>
      </c>
      <c r="E1075" t="s">
        <v>17</v>
      </c>
      <c r="F1075" t="s">
        <v>5561</v>
      </c>
      <c r="G1075" t="s">
        <v>5562</v>
      </c>
    </row>
    <row r="1076" spans="1:7" x14ac:dyDescent="0.2">
      <c r="A1076" t="s">
        <v>5563</v>
      </c>
      <c r="B1076" t="s">
        <v>5564</v>
      </c>
      <c r="C1076" t="s">
        <v>5565</v>
      </c>
      <c r="D1076" t="s">
        <v>5566</v>
      </c>
      <c r="E1076" t="s">
        <v>11</v>
      </c>
      <c r="G1076" t="s">
        <v>5567</v>
      </c>
    </row>
    <row r="1077" spans="1:7" x14ac:dyDescent="0.2">
      <c r="A1077" t="s">
        <v>5568</v>
      </c>
      <c r="B1077" t="s">
        <v>5569</v>
      </c>
      <c r="C1077" t="s">
        <v>5570</v>
      </c>
      <c r="D1077" t="s">
        <v>5571</v>
      </c>
      <c r="E1077" t="s">
        <v>17</v>
      </c>
      <c r="F1077" t="s">
        <v>5572</v>
      </c>
      <c r="G1077" t="s">
        <v>5573</v>
      </c>
    </row>
    <row r="1078" spans="1:7" x14ac:dyDescent="0.2">
      <c r="A1078" t="s">
        <v>5574</v>
      </c>
      <c r="B1078" t="s">
        <v>5575</v>
      </c>
      <c r="C1078" t="s">
        <v>5576</v>
      </c>
      <c r="D1078" t="s">
        <v>5577</v>
      </c>
      <c r="E1078" t="s">
        <v>11</v>
      </c>
      <c r="G1078" t="s">
        <v>5578</v>
      </c>
    </row>
    <row r="1079" spans="1:7" x14ac:dyDescent="0.2">
      <c r="A1079" t="s">
        <v>5579</v>
      </c>
      <c r="B1079" t="s">
        <v>5580</v>
      </c>
      <c r="C1079" t="s">
        <v>5581</v>
      </c>
      <c r="D1079" t="s">
        <v>5582</v>
      </c>
      <c r="E1079" t="s">
        <v>17</v>
      </c>
      <c r="F1079" t="s">
        <v>5135</v>
      </c>
      <c r="G1079" t="s">
        <v>5583</v>
      </c>
    </row>
    <row r="1080" spans="1:7" x14ac:dyDescent="0.2">
      <c r="A1080" t="s">
        <v>5584</v>
      </c>
      <c r="B1080" t="s">
        <v>5585</v>
      </c>
      <c r="C1080" t="s">
        <v>5586</v>
      </c>
      <c r="D1080" t="s">
        <v>5587</v>
      </c>
      <c r="E1080" t="s">
        <v>11</v>
      </c>
      <c r="G1080" t="s">
        <v>5588</v>
      </c>
    </row>
    <row r="1081" spans="1:7" x14ac:dyDescent="0.2">
      <c r="A1081" t="s">
        <v>5589</v>
      </c>
      <c r="B1081" t="s">
        <v>5590</v>
      </c>
      <c r="C1081" t="s">
        <v>5591</v>
      </c>
      <c r="D1081" t="s">
        <v>5592</v>
      </c>
      <c r="E1081" t="s">
        <v>17</v>
      </c>
      <c r="F1081" t="s">
        <v>81</v>
      </c>
      <c r="G1081" t="s">
        <v>5593</v>
      </c>
    </row>
    <row r="1082" spans="1:7" x14ac:dyDescent="0.2">
      <c r="A1082" t="s">
        <v>5594</v>
      </c>
      <c r="B1082" t="s">
        <v>5595</v>
      </c>
      <c r="C1082" t="s">
        <v>5596</v>
      </c>
      <c r="D1082" t="s">
        <v>5597</v>
      </c>
      <c r="E1082" t="s">
        <v>11</v>
      </c>
      <c r="G1082" t="s">
        <v>5598</v>
      </c>
    </row>
    <row r="1083" spans="1:7" x14ac:dyDescent="0.2">
      <c r="A1083" t="s">
        <v>5599</v>
      </c>
      <c r="B1083" t="s">
        <v>5600</v>
      </c>
      <c r="C1083" t="s">
        <v>5601</v>
      </c>
      <c r="D1083" t="s">
        <v>5602</v>
      </c>
      <c r="E1083" t="s">
        <v>17</v>
      </c>
      <c r="F1083" t="s">
        <v>18</v>
      </c>
      <c r="G1083" t="s">
        <v>5603</v>
      </c>
    </row>
    <row r="1084" spans="1:7" x14ac:dyDescent="0.2">
      <c r="A1084" t="s">
        <v>5604</v>
      </c>
      <c r="B1084" t="s">
        <v>5605</v>
      </c>
      <c r="C1084" t="s">
        <v>5606</v>
      </c>
      <c r="D1084" t="s">
        <v>5607</v>
      </c>
      <c r="E1084" t="s">
        <v>17</v>
      </c>
      <c r="F1084" t="s">
        <v>5608</v>
      </c>
      <c r="G1084" t="s">
        <v>5609</v>
      </c>
    </row>
    <row r="1085" spans="1:7" x14ac:dyDescent="0.2">
      <c r="A1085" t="s">
        <v>5610</v>
      </c>
      <c r="B1085" t="s">
        <v>5611</v>
      </c>
      <c r="C1085" t="s">
        <v>5612</v>
      </c>
      <c r="D1085" t="s">
        <v>5613</v>
      </c>
      <c r="E1085" t="s">
        <v>11</v>
      </c>
      <c r="G1085" t="s">
        <v>5614</v>
      </c>
    </row>
    <row r="1086" spans="1:7" x14ac:dyDescent="0.2">
      <c r="A1086" t="s">
        <v>5615</v>
      </c>
      <c r="B1086" t="s">
        <v>5616</v>
      </c>
      <c r="C1086" t="s">
        <v>5617</v>
      </c>
      <c r="D1086" t="s">
        <v>5618</v>
      </c>
      <c r="E1086" t="s">
        <v>11</v>
      </c>
      <c r="G1086" t="s">
        <v>5619</v>
      </c>
    </row>
    <row r="1087" spans="1:7" x14ac:dyDescent="0.2">
      <c r="A1087" t="s">
        <v>5620</v>
      </c>
      <c r="B1087" t="s">
        <v>5621</v>
      </c>
      <c r="C1087" t="s">
        <v>5622</v>
      </c>
      <c r="D1087" t="s">
        <v>5623</v>
      </c>
      <c r="E1087" t="s">
        <v>11</v>
      </c>
      <c r="G1087" t="s">
        <v>5624</v>
      </c>
    </row>
    <row r="1088" spans="1:7" x14ac:dyDescent="0.2">
      <c r="A1088" t="s">
        <v>5625</v>
      </c>
      <c r="B1088" t="s">
        <v>5626</v>
      </c>
      <c r="C1088" t="s">
        <v>5627</v>
      </c>
      <c r="D1088" t="s">
        <v>5628</v>
      </c>
      <c r="E1088" t="s">
        <v>11</v>
      </c>
      <c r="G1088" t="s">
        <v>5629</v>
      </c>
    </row>
    <row r="1089" spans="1:7" x14ac:dyDescent="0.2">
      <c r="A1089" t="s">
        <v>5630</v>
      </c>
      <c r="B1089" t="s">
        <v>5631</v>
      </c>
      <c r="C1089" t="s">
        <v>5632</v>
      </c>
      <c r="D1089" t="s">
        <v>5633</v>
      </c>
      <c r="E1089" t="s">
        <v>11</v>
      </c>
      <c r="G1089" t="s">
        <v>5634</v>
      </c>
    </row>
    <row r="1090" spans="1:7" x14ac:dyDescent="0.2">
      <c r="A1090" t="s">
        <v>5635</v>
      </c>
      <c r="B1090" t="s">
        <v>5636</v>
      </c>
      <c r="C1090" t="s">
        <v>5637</v>
      </c>
      <c r="D1090" t="s">
        <v>5638</v>
      </c>
      <c r="E1090" t="s">
        <v>11</v>
      </c>
      <c r="F1090" t="s">
        <v>5639</v>
      </c>
      <c r="G1090" t="s">
        <v>5640</v>
      </c>
    </row>
    <row r="1091" spans="1:7" x14ac:dyDescent="0.2">
      <c r="A1091" t="s">
        <v>5641</v>
      </c>
      <c r="B1091" t="s">
        <v>5642</v>
      </c>
      <c r="C1091" t="s">
        <v>5643</v>
      </c>
      <c r="D1091" t="s">
        <v>5644</v>
      </c>
      <c r="E1091" t="s">
        <v>17</v>
      </c>
      <c r="F1091" t="s">
        <v>5645</v>
      </c>
      <c r="G1091" t="s">
        <v>5646</v>
      </c>
    </row>
    <row r="1092" spans="1:7" x14ac:dyDescent="0.2">
      <c r="A1092" t="s">
        <v>5647</v>
      </c>
      <c r="B1092" t="s">
        <v>5648</v>
      </c>
      <c r="C1092" t="s">
        <v>5649</v>
      </c>
      <c r="D1092" t="s">
        <v>5650</v>
      </c>
      <c r="E1092" t="s">
        <v>11</v>
      </c>
      <c r="G1092" t="s">
        <v>5651</v>
      </c>
    </row>
    <row r="1093" spans="1:7" x14ac:dyDescent="0.2">
      <c r="A1093" t="s">
        <v>5652</v>
      </c>
      <c r="B1093" t="s">
        <v>5653</v>
      </c>
      <c r="C1093" t="s">
        <v>5654</v>
      </c>
      <c r="D1093" t="s">
        <v>1002</v>
      </c>
      <c r="E1093" t="s">
        <v>11</v>
      </c>
      <c r="F1093" t="s">
        <v>5655</v>
      </c>
      <c r="G1093" t="s">
        <v>5656</v>
      </c>
    </row>
    <row r="1094" spans="1:7" x14ac:dyDescent="0.2">
      <c r="A1094" t="s">
        <v>5657</v>
      </c>
      <c r="B1094" t="s">
        <v>5658</v>
      </c>
      <c r="C1094" t="s">
        <v>5659</v>
      </c>
      <c r="D1094" t="s">
        <v>5660</v>
      </c>
      <c r="E1094" t="s">
        <v>17</v>
      </c>
      <c r="F1094" t="s">
        <v>70</v>
      </c>
      <c r="G1094" t="s">
        <v>5661</v>
      </c>
    </row>
    <row r="1095" spans="1:7" x14ac:dyDescent="0.2">
      <c r="A1095" t="s">
        <v>5662</v>
      </c>
      <c r="B1095" t="s">
        <v>5663</v>
      </c>
      <c r="C1095" t="s">
        <v>5664</v>
      </c>
      <c r="D1095" t="s">
        <v>5665</v>
      </c>
      <c r="E1095" t="s">
        <v>11</v>
      </c>
      <c r="G1095" t="s">
        <v>5666</v>
      </c>
    </row>
    <row r="1096" spans="1:7" x14ac:dyDescent="0.2">
      <c r="A1096" t="s">
        <v>5667</v>
      </c>
      <c r="B1096" t="s">
        <v>5668</v>
      </c>
      <c r="C1096" t="s">
        <v>5669</v>
      </c>
      <c r="D1096" t="s">
        <v>5670</v>
      </c>
      <c r="E1096" t="s">
        <v>11</v>
      </c>
      <c r="G1096" t="s">
        <v>5671</v>
      </c>
    </row>
    <row r="1097" spans="1:7" x14ac:dyDescent="0.2">
      <c r="A1097" t="s">
        <v>5672</v>
      </c>
      <c r="B1097" t="s">
        <v>5673</v>
      </c>
      <c r="C1097" t="s">
        <v>5674</v>
      </c>
      <c r="D1097" t="s">
        <v>5675</v>
      </c>
      <c r="E1097" t="s">
        <v>11</v>
      </c>
      <c r="G1097" t="s">
        <v>5676</v>
      </c>
    </row>
    <row r="1098" spans="1:7" x14ac:dyDescent="0.2">
      <c r="A1098" t="s">
        <v>5677</v>
      </c>
      <c r="B1098" t="s">
        <v>5678</v>
      </c>
      <c r="C1098" t="s">
        <v>5679</v>
      </c>
      <c r="D1098" t="s">
        <v>5680</v>
      </c>
      <c r="E1098" t="s">
        <v>17</v>
      </c>
      <c r="F1098" t="s">
        <v>5681</v>
      </c>
      <c r="G1098" t="s">
        <v>5682</v>
      </c>
    </row>
    <row r="1099" spans="1:7" x14ac:dyDescent="0.2">
      <c r="A1099" t="s">
        <v>5683</v>
      </c>
      <c r="B1099" t="s">
        <v>5684</v>
      </c>
      <c r="C1099" t="s">
        <v>5685</v>
      </c>
      <c r="D1099" t="s">
        <v>5686</v>
      </c>
      <c r="E1099" t="s">
        <v>11</v>
      </c>
      <c r="G1099" t="s">
        <v>5687</v>
      </c>
    </row>
    <row r="1100" spans="1:7" x14ac:dyDescent="0.2">
      <c r="A1100" t="s">
        <v>5688</v>
      </c>
      <c r="B1100" t="s">
        <v>5689</v>
      </c>
      <c r="C1100" t="s">
        <v>5690</v>
      </c>
      <c r="D1100" t="s">
        <v>5691</v>
      </c>
      <c r="E1100" t="s">
        <v>11</v>
      </c>
      <c r="G1100" t="s">
        <v>5692</v>
      </c>
    </row>
    <row r="1101" spans="1:7" x14ac:dyDescent="0.2">
      <c r="A1101" t="s">
        <v>5693</v>
      </c>
      <c r="B1101" t="s">
        <v>5694</v>
      </c>
      <c r="C1101" t="s">
        <v>5695</v>
      </c>
      <c r="D1101" t="s">
        <v>5696</v>
      </c>
      <c r="E1101" t="s">
        <v>17</v>
      </c>
      <c r="F1101" t="s">
        <v>2558</v>
      </c>
      <c r="G1101" t="s">
        <v>5697</v>
      </c>
    </row>
    <row r="1102" spans="1:7" x14ac:dyDescent="0.2">
      <c r="A1102" t="s">
        <v>5698</v>
      </c>
      <c r="B1102" t="s">
        <v>5699</v>
      </c>
      <c r="C1102" t="s">
        <v>5700</v>
      </c>
      <c r="D1102" t="s">
        <v>5701</v>
      </c>
      <c r="E1102" t="s">
        <v>11</v>
      </c>
      <c r="G1102" t="s">
        <v>5702</v>
      </c>
    </row>
    <row r="1103" spans="1:7" x14ac:dyDescent="0.2">
      <c r="A1103" t="s">
        <v>5703</v>
      </c>
      <c r="B1103" t="s">
        <v>5704</v>
      </c>
      <c r="C1103" t="s">
        <v>5705</v>
      </c>
      <c r="D1103" t="s">
        <v>5706</v>
      </c>
      <c r="E1103" t="s">
        <v>17</v>
      </c>
      <c r="F1103" t="s">
        <v>3967</v>
      </c>
      <c r="G1103" t="s">
        <v>5707</v>
      </c>
    </row>
    <row r="1104" spans="1:7" x14ac:dyDescent="0.2">
      <c r="A1104" t="s">
        <v>5708</v>
      </c>
      <c r="B1104" t="s">
        <v>5709</v>
      </c>
      <c r="C1104" t="s">
        <v>5710</v>
      </c>
      <c r="D1104" t="s">
        <v>5711</v>
      </c>
      <c r="E1104" t="s">
        <v>11</v>
      </c>
      <c r="G1104" t="s">
        <v>5712</v>
      </c>
    </row>
    <row r="1105" spans="1:7" x14ac:dyDescent="0.2">
      <c r="A1105" t="s">
        <v>5713</v>
      </c>
      <c r="B1105" t="s">
        <v>5714</v>
      </c>
      <c r="C1105" t="s">
        <v>5715</v>
      </c>
      <c r="D1105" t="s">
        <v>5716</v>
      </c>
      <c r="E1105" t="s">
        <v>11</v>
      </c>
      <c r="G1105" t="s">
        <v>5717</v>
      </c>
    </row>
    <row r="1106" spans="1:7" x14ac:dyDescent="0.2">
      <c r="A1106" t="s">
        <v>5718</v>
      </c>
      <c r="B1106" t="s">
        <v>5719</v>
      </c>
      <c r="C1106" t="s">
        <v>5720</v>
      </c>
      <c r="D1106" t="s">
        <v>5721</v>
      </c>
      <c r="E1106" t="s">
        <v>11</v>
      </c>
      <c r="G1106" t="s">
        <v>5722</v>
      </c>
    </row>
    <row r="1107" spans="1:7" x14ac:dyDescent="0.2">
      <c r="A1107" t="s">
        <v>5723</v>
      </c>
      <c r="B1107" t="s">
        <v>5724</v>
      </c>
      <c r="C1107" t="s">
        <v>5725</v>
      </c>
      <c r="D1107" t="s">
        <v>5726</v>
      </c>
      <c r="E1107" t="s">
        <v>11</v>
      </c>
      <c r="G1107" t="s">
        <v>5727</v>
      </c>
    </row>
    <row r="1108" spans="1:7" x14ac:dyDescent="0.2">
      <c r="A1108" t="s">
        <v>5728</v>
      </c>
      <c r="B1108" t="s">
        <v>5729</v>
      </c>
      <c r="C1108" t="s">
        <v>5730</v>
      </c>
      <c r="D1108" t="s">
        <v>5731</v>
      </c>
      <c r="E1108" t="s">
        <v>11</v>
      </c>
      <c r="G1108" t="s">
        <v>5732</v>
      </c>
    </row>
    <row r="1109" spans="1:7" x14ac:dyDescent="0.2">
      <c r="A1109" t="s">
        <v>5733</v>
      </c>
      <c r="B1109" t="s">
        <v>5734</v>
      </c>
      <c r="C1109" t="s">
        <v>5735</v>
      </c>
      <c r="D1109" t="s">
        <v>5736</v>
      </c>
      <c r="E1109" t="s">
        <v>11</v>
      </c>
      <c r="G1109" t="s">
        <v>5737</v>
      </c>
    </row>
    <row r="1110" spans="1:7" x14ac:dyDescent="0.2">
      <c r="A1110" t="s">
        <v>5738</v>
      </c>
      <c r="B1110" t="s">
        <v>5739</v>
      </c>
      <c r="C1110" t="s">
        <v>5740</v>
      </c>
      <c r="D1110" t="s">
        <v>5741</v>
      </c>
      <c r="E1110" t="s">
        <v>11</v>
      </c>
      <c r="G1110" t="s">
        <v>5742</v>
      </c>
    </row>
    <row r="1111" spans="1:7" x14ac:dyDescent="0.2">
      <c r="A1111" t="s">
        <v>5743</v>
      </c>
      <c r="B1111" t="s">
        <v>5744</v>
      </c>
      <c r="C1111" t="s">
        <v>5745</v>
      </c>
      <c r="D1111" t="s">
        <v>5746</v>
      </c>
      <c r="E1111" t="s">
        <v>17</v>
      </c>
      <c r="F1111" t="s">
        <v>98</v>
      </c>
      <c r="G1111" t="s">
        <v>5747</v>
      </c>
    </row>
    <row r="1112" spans="1:7" x14ac:dyDescent="0.2">
      <c r="A1112" t="s">
        <v>5748</v>
      </c>
      <c r="B1112" t="s">
        <v>5749</v>
      </c>
      <c r="C1112" t="s">
        <v>5750</v>
      </c>
      <c r="D1112" t="s">
        <v>5751</v>
      </c>
      <c r="E1112" t="s">
        <v>11</v>
      </c>
      <c r="G1112" t="s">
        <v>5752</v>
      </c>
    </row>
    <row r="1113" spans="1:7" x14ac:dyDescent="0.2">
      <c r="A1113" t="s">
        <v>5753</v>
      </c>
      <c r="B1113" t="s">
        <v>5754</v>
      </c>
      <c r="C1113" t="s">
        <v>5755</v>
      </c>
      <c r="D1113" t="s">
        <v>5042</v>
      </c>
      <c r="E1113" t="s">
        <v>63</v>
      </c>
      <c r="F1113" t="s">
        <v>5756</v>
      </c>
      <c r="G1113" t="s">
        <v>5757</v>
      </c>
    </row>
    <row r="1114" spans="1:7" x14ac:dyDescent="0.2">
      <c r="A1114" t="s">
        <v>5758</v>
      </c>
      <c r="B1114" t="s">
        <v>5759</v>
      </c>
      <c r="C1114" t="s">
        <v>5760</v>
      </c>
      <c r="D1114" t="s">
        <v>5761</v>
      </c>
      <c r="E1114" t="s">
        <v>11</v>
      </c>
      <c r="G1114" t="s">
        <v>5762</v>
      </c>
    </row>
    <row r="1115" spans="1:7" x14ac:dyDescent="0.2">
      <c r="A1115" t="s">
        <v>5763</v>
      </c>
      <c r="B1115" t="s">
        <v>5764</v>
      </c>
      <c r="C1115" t="s">
        <v>5765</v>
      </c>
      <c r="D1115" t="s">
        <v>5766</v>
      </c>
      <c r="E1115" t="s">
        <v>11</v>
      </c>
      <c r="G1115" t="s">
        <v>5767</v>
      </c>
    </row>
    <row r="1116" spans="1:7" x14ac:dyDescent="0.2">
      <c r="A1116" t="s">
        <v>5768</v>
      </c>
      <c r="B1116" t="s">
        <v>5769</v>
      </c>
      <c r="C1116" t="s">
        <v>5770</v>
      </c>
      <c r="D1116" t="s">
        <v>5771</v>
      </c>
      <c r="E1116" t="s">
        <v>17</v>
      </c>
      <c r="F1116" t="s">
        <v>5772</v>
      </c>
      <c r="G1116" t="s">
        <v>5773</v>
      </c>
    </row>
    <row r="1117" spans="1:7" x14ac:dyDescent="0.2">
      <c r="A1117" t="s">
        <v>5774</v>
      </c>
      <c r="B1117" t="s">
        <v>5775</v>
      </c>
      <c r="C1117" t="s">
        <v>5776</v>
      </c>
      <c r="D1117" t="s">
        <v>5777</v>
      </c>
      <c r="E1117" t="s">
        <v>11</v>
      </c>
      <c r="G1117" t="s">
        <v>5778</v>
      </c>
    </row>
    <row r="1118" spans="1:7" x14ac:dyDescent="0.2">
      <c r="A1118" t="s">
        <v>5779</v>
      </c>
      <c r="B1118" t="s">
        <v>5780</v>
      </c>
      <c r="C1118" t="s">
        <v>5781</v>
      </c>
      <c r="D1118" t="s">
        <v>5782</v>
      </c>
      <c r="E1118" t="s">
        <v>11</v>
      </c>
      <c r="G1118" t="s">
        <v>5783</v>
      </c>
    </row>
    <row r="1119" spans="1:7" x14ac:dyDescent="0.2">
      <c r="A1119" t="s">
        <v>5784</v>
      </c>
      <c r="B1119" t="s">
        <v>5785</v>
      </c>
      <c r="C1119" t="s">
        <v>5786</v>
      </c>
      <c r="D1119" t="s">
        <v>5787</v>
      </c>
      <c r="E1119" t="s">
        <v>11</v>
      </c>
      <c r="G1119" t="s">
        <v>5788</v>
      </c>
    </row>
    <row r="1120" spans="1:7" x14ac:dyDescent="0.2">
      <c r="A1120" t="s">
        <v>5789</v>
      </c>
      <c r="B1120" t="s">
        <v>5790</v>
      </c>
      <c r="C1120" t="s">
        <v>5791</v>
      </c>
      <c r="D1120" t="s">
        <v>5792</v>
      </c>
      <c r="E1120" t="s">
        <v>17</v>
      </c>
      <c r="F1120" t="s">
        <v>5793</v>
      </c>
      <c r="G1120" t="s">
        <v>5794</v>
      </c>
    </row>
    <row r="1121" spans="1:7" x14ac:dyDescent="0.2">
      <c r="A1121" t="s">
        <v>5795</v>
      </c>
      <c r="B1121" t="s">
        <v>5796</v>
      </c>
      <c r="C1121" t="s">
        <v>5797</v>
      </c>
      <c r="D1121" t="s">
        <v>5798</v>
      </c>
      <c r="E1121" t="s">
        <v>17</v>
      </c>
      <c r="F1121" t="s">
        <v>5799</v>
      </c>
      <c r="G1121" t="s">
        <v>5800</v>
      </c>
    </row>
    <row r="1122" spans="1:7" x14ac:dyDescent="0.2">
      <c r="A1122" t="s">
        <v>5801</v>
      </c>
      <c r="B1122" t="s">
        <v>5802</v>
      </c>
      <c r="C1122" t="s">
        <v>5803</v>
      </c>
      <c r="D1122" t="s">
        <v>5804</v>
      </c>
      <c r="E1122" t="s">
        <v>11</v>
      </c>
      <c r="G1122" t="s">
        <v>5805</v>
      </c>
    </row>
    <row r="1123" spans="1:7" x14ac:dyDescent="0.2">
      <c r="A1123" t="s">
        <v>5806</v>
      </c>
      <c r="B1123" t="s">
        <v>5807</v>
      </c>
      <c r="C1123" t="s">
        <v>5808</v>
      </c>
      <c r="D1123" t="s">
        <v>5809</v>
      </c>
      <c r="E1123" t="s">
        <v>17</v>
      </c>
      <c r="F1123" t="s">
        <v>70</v>
      </c>
      <c r="G1123" t="s">
        <v>5810</v>
      </c>
    </row>
    <row r="1124" spans="1:7" x14ac:dyDescent="0.2">
      <c r="A1124" t="s">
        <v>5811</v>
      </c>
      <c r="B1124" t="s">
        <v>5812</v>
      </c>
      <c r="C1124" t="s">
        <v>5813</v>
      </c>
      <c r="D1124" t="s">
        <v>5814</v>
      </c>
      <c r="E1124" t="s">
        <v>11</v>
      </c>
      <c r="G1124" t="s">
        <v>5815</v>
      </c>
    </row>
    <row r="1125" spans="1:7" x14ac:dyDescent="0.2">
      <c r="A1125" t="s">
        <v>5816</v>
      </c>
      <c r="B1125" t="s">
        <v>5817</v>
      </c>
      <c r="C1125" t="s">
        <v>5818</v>
      </c>
      <c r="D1125" t="s">
        <v>5819</v>
      </c>
      <c r="E1125" t="s">
        <v>11</v>
      </c>
      <c r="G1125" t="s">
        <v>5820</v>
      </c>
    </row>
    <row r="1126" spans="1:7" x14ac:dyDescent="0.2">
      <c r="A1126" t="s">
        <v>5821</v>
      </c>
      <c r="B1126" t="s">
        <v>5822</v>
      </c>
      <c r="C1126" t="s">
        <v>5823</v>
      </c>
      <c r="D1126" t="s">
        <v>5824</v>
      </c>
      <c r="E1126" t="s">
        <v>17</v>
      </c>
      <c r="F1126" t="s">
        <v>310</v>
      </c>
      <c r="G1126" t="s">
        <v>5825</v>
      </c>
    </row>
    <row r="1127" spans="1:7" x14ac:dyDescent="0.2">
      <c r="A1127" t="s">
        <v>5826</v>
      </c>
      <c r="B1127" t="s">
        <v>5827</v>
      </c>
      <c r="C1127" t="s">
        <v>5828</v>
      </c>
      <c r="D1127" t="s">
        <v>5829</v>
      </c>
      <c r="E1127" t="s">
        <v>11</v>
      </c>
      <c r="G1127" t="s">
        <v>5830</v>
      </c>
    </row>
    <row r="1128" spans="1:7" x14ac:dyDescent="0.2">
      <c r="A1128" t="s">
        <v>5831</v>
      </c>
      <c r="B1128" t="s">
        <v>5832</v>
      </c>
      <c r="C1128" t="s">
        <v>5833</v>
      </c>
      <c r="D1128" t="s">
        <v>5834</v>
      </c>
      <c r="E1128" t="s">
        <v>11</v>
      </c>
      <c r="G1128" t="s">
        <v>5835</v>
      </c>
    </row>
    <row r="1129" spans="1:7" x14ac:dyDescent="0.2">
      <c r="A1129" t="s">
        <v>5836</v>
      </c>
      <c r="B1129" t="s">
        <v>5837</v>
      </c>
      <c r="C1129" t="s">
        <v>5838</v>
      </c>
      <c r="D1129" t="s">
        <v>5839</v>
      </c>
      <c r="E1129" t="s">
        <v>11</v>
      </c>
      <c r="G1129" t="s">
        <v>5840</v>
      </c>
    </row>
    <row r="1130" spans="1:7" x14ac:dyDescent="0.2">
      <c r="A1130" t="s">
        <v>5841</v>
      </c>
      <c r="B1130" t="s">
        <v>5842</v>
      </c>
      <c r="C1130" t="s">
        <v>5843</v>
      </c>
      <c r="D1130" t="s">
        <v>5844</v>
      </c>
      <c r="E1130" t="s">
        <v>17</v>
      </c>
      <c r="F1130" t="s">
        <v>5845</v>
      </c>
      <c r="G1130" t="s">
        <v>5846</v>
      </c>
    </row>
    <row r="1131" spans="1:7" x14ac:dyDescent="0.2">
      <c r="A1131" t="s">
        <v>5847</v>
      </c>
      <c r="B1131" t="s">
        <v>5848</v>
      </c>
      <c r="C1131" t="s">
        <v>5849</v>
      </c>
      <c r="D1131" t="s">
        <v>5850</v>
      </c>
      <c r="E1131" t="s">
        <v>11</v>
      </c>
      <c r="G1131" t="s">
        <v>5851</v>
      </c>
    </row>
    <row r="1132" spans="1:7" x14ac:dyDescent="0.2">
      <c r="A1132" t="s">
        <v>5852</v>
      </c>
      <c r="B1132" t="s">
        <v>5853</v>
      </c>
      <c r="C1132" t="s">
        <v>5854</v>
      </c>
      <c r="D1132" t="s">
        <v>5855</v>
      </c>
      <c r="E1132" t="s">
        <v>11</v>
      </c>
      <c r="G1132" t="s">
        <v>5856</v>
      </c>
    </row>
    <row r="1133" spans="1:7" x14ac:dyDescent="0.2">
      <c r="A1133" t="s">
        <v>5857</v>
      </c>
      <c r="B1133" t="s">
        <v>5858</v>
      </c>
      <c r="C1133" t="s">
        <v>5859</v>
      </c>
      <c r="D1133" t="s">
        <v>5860</v>
      </c>
      <c r="E1133" t="s">
        <v>17</v>
      </c>
      <c r="F1133" t="s">
        <v>2373</v>
      </c>
      <c r="G1133" t="s">
        <v>5861</v>
      </c>
    </row>
    <row r="1134" spans="1:7" x14ac:dyDescent="0.2">
      <c r="A1134" t="s">
        <v>5862</v>
      </c>
      <c r="B1134" t="s">
        <v>5863</v>
      </c>
      <c r="C1134" t="s">
        <v>5864</v>
      </c>
      <c r="D1134" t="s">
        <v>5865</v>
      </c>
      <c r="E1134" t="s">
        <v>11</v>
      </c>
      <c r="F1134" t="s">
        <v>5866</v>
      </c>
      <c r="G1134" t="s">
        <v>5867</v>
      </c>
    </row>
    <row r="1135" spans="1:7" x14ac:dyDescent="0.2">
      <c r="A1135" t="s">
        <v>5868</v>
      </c>
      <c r="B1135" t="s">
        <v>5869</v>
      </c>
      <c r="C1135" t="s">
        <v>5870</v>
      </c>
      <c r="D1135" t="s">
        <v>5871</v>
      </c>
      <c r="E1135" t="s">
        <v>11</v>
      </c>
      <c r="G1135" t="s">
        <v>5872</v>
      </c>
    </row>
    <row r="1136" spans="1:7" x14ac:dyDescent="0.2">
      <c r="A1136" t="s">
        <v>5873</v>
      </c>
      <c r="B1136" t="s">
        <v>5874</v>
      </c>
      <c r="C1136" t="s">
        <v>5875</v>
      </c>
      <c r="D1136" t="s">
        <v>5876</v>
      </c>
      <c r="E1136" t="s">
        <v>17</v>
      </c>
      <c r="F1136" t="s">
        <v>5877</v>
      </c>
      <c r="G1136" t="s">
        <v>5878</v>
      </c>
    </row>
    <row r="1137" spans="1:7" x14ac:dyDescent="0.2">
      <c r="A1137" t="s">
        <v>5879</v>
      </c>
      <c r="B1137" t="s">
        <v>5880</v>
      </c>
      <c r="C1137" t="s">
        <v>5881</v>
      </c>
      <c r="D1137" t="s">
        <v>2802</v>
      </c>
      <c r="E1137" t="s">
        <v>17</v>
      </c>
      <c r="F1137" t="s">
        <v>5882</v>
      </c>
      <c r="G1137" t="s">
        <v>5883</v>
      </c>
    </row>
    <row r="1138" spans="1:7" x14ac:dyDescent="0.2">
      <c r="A1138" t="s">
        <v>5884</v>
      </c>
      <c r="B1138" t="s">
        <v>5885</v>
      </c>
      <c r="C1138" t="s">
        <v>5886</v>
      </c>
      <c r="D1138" t="s">
        <v>5887</v>
      </c>
      <c r="E1138" t="s">
        <v>17</v>
      </c>
      <c r="F1138" t="s">
        <v>2410</v>
      </c>
      <c r="G1138" t="s">
        <v>5888</v>
      </c>
    </row>
    <row r="1139" spans="1:7" x14ac:dyDescent="0.2">
      <c r="A1139" t="s">
        <v>5889</v>
      </c>
      <c r="B1139" t="s">
        <v>5890</v>
      </c>
      <c r="C1139" t="s">
        <v>5891</v>
      </c>
      <c r="D1139" t="s">
        <v>5892</v>
      </c>
      <c r="E1139" t="s">
        <v>17</v>
      </c>
      <c r="F1139" t="s">
        <v>5893</v>
      </c>
      <c r="G1139" t="s">
        <v>5894</v>
      </c>
    </row>
    <row r="1140" spans="1:7" x14ac:dyDescent="0.2">
      <c r="A1140" t="s">
        <v>5895</v>
      </c>
      <c r="B1140" t="s">
        <v>5896</v>
      </c>
      <c r="C1140" t="s">
        <v>5897</v>
      </c>
      <c r="D1140" t="s">
        <v>5898</v>
      </c>
      <c r="E1140" t="s">
        <v>11</v>
      </c>
      <c r="G1140" t="s">
        <v>5899</v>
      </c>
    </row>
    <row r="1141" spans="1:7" x14ac:dyDescent="0.2">
      <c r="A1141" t="s">
        <v>5900</v>
      </c>
      <c r="B1141" t="s">
        <v>5901</v>
      </c>
      <c r="C1141" t="s">
        <v>5902</v>
      </c>
      <c r="D1141" t="s">
        <v>5903</v>
      </c>
      <c r="E1141" t="s">
        <v>11</v>
      </c>
      <c r="F1141" t="s">
        <v>5904</v>
      </c>
      <c r="G1141" t="s">
        <v>5905</v>
      </c>
    </row>
    <row r="1142" spans="1:7" x14ac:dyDescent="0.2">
      <c r="A1142" t="s">
        <v>5906</v>
      </c>
      <c r="B1142" t="s">
        <v>5907</v>
      </c>
      <c r="C1142" t="s">
        <v>5908</v>
      </c>
      <c r="D1142" t="s">
        <v>5909</v>
      </c>
      <c r="E1142" t="s">
        <v>11</v>
      </c>
      <c r="G1142" t="s">
        <v>5910</v>
      </c>
    </row>
    <row r="1143" spans="1:7" x14ac:dyDescent="0.2">
      <c r="A1143" t="s">
        <v>5911</v>
      </c>
      <c r="B1143" t="s">
        <v>5912</v>
      </c>
      <c r="C1143" t="s">
        <v>5913</v>
      </c>
      <c r="D1143" t="s">
        <v>5914</v>
      </c>
      <c r="E1143" t="s">
        <v>11</v>
      </c>
      <c r="G1143" t="s">
        <v>5915</v>
      </c>
    </row>
    <row r="1144" spans="1:7" x14ac:dyDescent="0.2">
      <c r="A1144" t="s">
        <v>5916</v>
      </c>
      <c r="B1144" t="s">
        <v>5917</v>
      </c>
      <c r="C1144" t="s">
        <v>5918</v>
      </c>
      <c r="D1144" t="s">
        <v>5919</v>
      </c>
      <c r="E1144" t="s">
        <v>11</v>
      </c>
      <c r="G1144" t="s">
        <v>5920</v>
      </c>
    </row>
    <row r="1145" spans="1:7" x14ac:dyDescent="0.2">
      <c r="A1145" t="s">
        <v>5921</v>
      </c>
      <c r="B1145" t="s">
        <v>5922</v>
      </c>
      <c r="C1145" t="s">
        <v>5923</v>
      </c>
      <c r="D1145" t="s">
        <v>5924</v>
      </c>
      <c r="E1145" t="s">
        <v>11</v>
      </c>
      <c r="G1145" t="s">
        <v>5925</v>
      </c>
    </row>
    <row r="1146" spans="1:7" x14ac:dyDescent="0.2">
      <c r="A1146" t="s">
        <v>5926</v>
      </c>
      <c r="B1146" t="s">
        <v>5927</v>
      </c>
      <c r="C1146" t="s">
        <v>5928</v>
      </c>
      <c r="D1146" t="s">
        <v>5929</v>
      </c>
      <c r="E1146" t="s">
        <v>11</v>
      </c>
      <c r="G1146" t="s">
        <v>5930</v>
      </c>
    </row>
    <row r="1147" spans="1:7" x14ac:dyDescent="0.2">
      <c r="A1147" t="s">
        <v>5931</v>
      </c>
      <c r="B1147" t="s">
        <v>5932</v>
      </c>
      <c r="C1147" t="s">
        <v>5933</v>
      </c>
      <c r="D1147" t="s">
        <v>5934</v>
      </c>
      <c r="E1147" t="s">
        <v>11</v>
      </c>
      <c r="G1147" t="s">
        <v>5935</v>
      </c>
    </row>
    <row r="1148" spans="1:7" x14ac:dyDescent="0.2">
      <c r="A1148" t="s">
        <v>5936</v>
      </c>
      <c r="B1148" t="s">
        <v>5937</v>
      </c>
      <c r="C1148" t="s">
        <v>5938</v>
      </c>
      <c r="D1148" t="s">
        <v>5939</v>
      </c>
      <c r="E1148" t="s">
        <v>17</v>
      </c>
      <c r="F1148" t="s">
        <v>310</v>
      </c>
      <c r="G1148" t="s">
        <v>5940</v>
      </c>
    </row>
    <row r="1149" spans="1:7" x14ac:dyDescent="0.2">
      <c r="A1149" t="s">
        <v>5941</v>
      </c>
      <c r="B1149" t="s">
        <v>5942</v>
      </c>
      <c r="C1149" t="s">
        <v>5943</v>
      </c>
      <c r="D1149" t="s">
        <v>5944</v>
      </c>
      <c r="E1149" t="s">
        <v>17</v>
      </c>
      <c r="F1149" t="s">
        <v>5945</v>
      </c>
      <c r="G1149" t="s">
        <v>5946</v>
      </c>
    </row>
    <row r="1150" spans="1:7" x14ac:dyDescent="0.2">
      <c r="A1150" t="s">
        <v>5947</v>
      </c>
      <c r="B1150" t="s">
        <v>5948</v>
      </c>
      <c r="C1150" t="s">
        <v>5949</v>
      </c>
      <c r="D1150" t="s">
        <v>5950</v>
      </c>
      <c r="E1150" t="s">
        <v>17</v>
      </c>
      <c r="F1150" t="s">
        <v>310</v>
      </c>
      <c r="G1150" t="s">
        <v>5951</v>
      </c>
    </row>
    <row r="1151" spans="1:7" x14ac:dyDescent="0.2">
      <c r="A1151" t="s">
        <v>5952</v>
      </c>
      <c r="B1151" t="s">
        <v>5953</v>
      </c>
      <c r="C1151" t="s">
        <v>5954</v>
      </c>
      <c r="D1151" t="s">
        <v>5955</v>
      </c>
      <c r="E1151" t="s">
        <v>11</v>
      </c>
      <c r="G1151" t="s">
        <v>5956</v>
      </c>
    </row>
    <row r="1152" spans="1:7" x14ac:dyDescent="0.2">
      <c r="A1152" t="s">
        <v>5957</v>
      </c>
      <c r="B1152" t="s">
        <v>5958</v>
      </c>
      <c r="C1152" t="s">
        <v>5959</v>
      </c>
      <c r="D1152" t="s">
        <v>5960</v>
      </c>
      <c r="E1152" t="s">
        <v>11</v>
      </c>
      <c r="G1152" t="s">
        <v>5961</v>
      </c>
    </row>
    <row r="1153" spans="1:7" x14ac:dyDescent="0.2">
      <c r="A1153" t="s">
        <v>5962</v>
      </c>
      <c r="B1153" t="s">
        <v>5963</v>
      </c>
      <c r="C1153" t="s">
        <v>5964</v>
      </c>
      <c r="D1153" t="s">
        <v>5965</v>
      </c>
      <c r="E1153" t="s">
        <v>17</v>
      </c>
      <c r="F1153" t="s">
        <v>45</v>
      </c>
      <c r="G1153" t="s">
        <v>5966</v>
      </c>
    </row>
    <row r="1154" spans="1:7" x14ac:dyDescent="0.2">
      <c r="A1154" t="s">
        <v>5967</v>
      </c>
      <c r="B1154" t="s">
        <v>5968</v>
      </c>
      <c r="C1154" t="s">
        <v>5969</v>
      </c>
      <c r="D1154" t="s">
        <v>5970</v>
      </c>
      <c r="E1154" t="s">
        <v>63</v>
      </c>
      <c r="F1154" t="s">
        <v>5971</v>
      </c>
      <c r="G1154" t="s">
        <v>5972</v>
      </c>
    </row>
    <row r="1155" spans="1:7" x14ac:dyDescent="0.2">
      <c r="A1155" t="s">
        <v>5973</v>
      </c>
      <c r="B1155" t="s">
        <v>5974</v>
      </c>
      <c r="C1155" t="s">
        <v>5975</v>
      </c>
      <c r="D1155" t="s">
        <v>5976</v>
      </c>
      <c r="E1155" t="s">
        <v>17</v>
      </c>
      <c r="F1155" t="s">
        <v>5977</v>
      </c>
      <c r="G1155" t="s">
        <v>5978</v>
      </c>
    </row>
    <row r="1156" spans="1:7" x14ac:dyDescent="0.2">
      <c r="A1156" t="s">
        <v>5979</v>
      </c>
      <c r="B1156" t="s">
        <v>5980</v>
      </c>
      <c r="C1156" t="s">
        <v>5981</v>
      </c>
      <c r="D1156" t="s">
        <v>5982</v>
      </c>
      <c r="E1156" t="s">
        <v>11</v>
      </c>
      <c r="G1156" t="s">
        <v>5983</v>
      </c>
    </row>
    <row r="1157" spans="1:7" x14ac:dyDescent="0.2">
      <c r="A1157" t="s">
        <v>5984</v>
      </c>
      <c r="B1157" t="s">
        <v>5985</v>
      </c>
      <c r="C1157" t="s">
        <v>5986</v>
      </c>
      <c r="D1157" t="s">
        <v>5987</v>
      </c>
      <c r="E1157" t="s">
        <v>11</v>
      </c>
      <c r="G1157" t="s">
        <v>5988</v>
      </c>
    </row>
    <row r="1158" spans="1:7" x14ac:dyDescent="0.2">
      <c r="A1158" t="s">
        <v>5989</v>
      </c>
      <c r="B1158" t="s">
        <v>5990</v>
      </c>
      <c r="C1158" t="s">
        <v>5991</v>
      </c>
      <c r="D1158" t="s">
        <v>5992</v>
      </c>
      <c r="E1158" t="s">
        <v>11</v>
      </c>
      <c r="G1158" t="s">
        <v>5993</v>
      </c>
    </row>
    <row r="1159" spans="1:7" x14ac:dyDescent="0.2">
      <c r="A1159" t="s">
        <v>5994</v>
      </c>
      <c r="B1159" t="s">
        <v>5995</v>
      </c>
      <c r="C1159" t="s">
        <v>5996</v>
      </c>
      <c r="D1159" t="s">
        <v>5997</v>
      </c>
      <c r="E1159" t="s">
        <v>11</v>
      </c>
      <c r="G1159" t="s">
        <v>5998</v>
      </c>
    </row>
    <row r="1160" spans="1:7" x14ac:dyDescent="0.2">
      <c r="A1160" t="s">
        <v>5999</v>
      </c>
      <c r="B1160" t="s">
        <v>6000</v>
      </c>
      <c r="C1160" t="s">
        <v>6001</v>
      </c>
      <c r="D1160" t="s">
        <v>6002</v>
      </c>
      <c r="E1160" t="s">
        <v>11</v>
      </c>
      <c r="G1160" t="s">
        <v>6003</v>
      </c>
    </row>
    <row r="1161" spans="1:7" x14ac:dyDescent="0.2">
      <c r="A1161" t="s">
        <v>6004</v>
      </c>
      <c r="B1161" t="s">
        <v>6005</v>
      </c>
      <c r="C1161" t="s">
        <v>6006</v>
      </c>
      <c r="D1161" t="s">
        <v>6007</v>
      </c>
      <c r="E1161" t="s">
        <v>11</v>
      </c>
      <c r="G1161" t="s">
        <v>6008</v>
      </c>
    </row>
    <row r="1162" spans="1:7" x14ac:dyDescent="0.2">
      <c r="A1162" t="s">
        <v>6009</v>
      </c>
      <c r="B1162" t="s">
        <v>6010</v>
      </c>
      <c r="C1162" t="s">
        <v>6011</v>
      </c>
      <c r="D1162" t="s">
        <v>6012</v>
      </c>
      <c r="E1162" t="s">
        <v>11</v>
      </c>
      <c r="G1162" t="s">
        <v>6013</v>
      </c>
    </row>
    <row r="1163" spans="1:7" x14ac:dyDescent="0.2">
      <c r="A1163" t="s">
        <v>6014</v>
      </c>
      <c r="B1163" t="s">
        <v>6015</v>
      </c>
      <c r="C1163" t="s">
        <v>6016</v>
      </c>
      <c r="D1163" t="s">
        <v>6017</v>
      </c>
      <c r="E1163" t="s">
        <v>11</v>
      </c>
      <c r="G1163" t="s">
        <v>6018</v>
      </c>
    </row>
    <row r="1164" spans="1:7" x14ac:dyDescent="0.2">
      <c r="A1164" t="s">
        <v>6019</v>
      </c>
      <c r="B1164" t="s">
        <v>6020</v>
      </c>
      <c r="C1164" t="s">
        <v>6021</v>
      </c>
      <c r="D1164" t="s">
        <v>6022</v>
      </c>
      <c r="E1164" t="s">
        <v>11</v>
      </c>
      <c r="G1164" t="s">
        <v>6023</v>
      </c>
    </row>
    <row r="1165" spans="1:7" x14ac:dyDescent="0.2">
      <c r="A1165" t="s">
        <v>6024</v>
      </c>
      <c r="B1165" t="s">
        <v>6025</v>
      </c>
      <c r="C1165" t="s">
        <v>6026</v>
      </c>
      <c r="D1165" t="s">
        <v>6027</v>
      </c>
      <c r="E1165" t="s">
        <v>11</v>
      </c>
      <c r="G1165" t="s">
        <v>6028</v>
      </c>
    </row>
    <row r="1166" spans="1:7" x14ac:dyDescent="0.2">
      <c r="A1166" t="s">
        <v>6029</v>
      </c>
      <c r="B1166" t="s">
        <v>6030</v>
      </c>
      <c r="C1166" t="s">
        <v>6031</v>
      </c>
      <c r="D1166" t="s">
        <v>6032</v>
      </c>
      <c r="E1166" t="s">
        <v>11</v>
      </c>
      <c r="G1166" t="s">
        <v>6033</v>
      </c>
    </row>
    <row r="1167" spans="1:7" x14ac:dyDescent="0.2">
      <c r="A1167" t="s">
        <v>6034</v>
      </c>
      <c r="B1167" t="s">
        <v>6035</v>
      </c>
      <c r="C1167" t="s">
        <v>6036</v>
      </c>
      <c r="D1167" t="s">
        <v>6037</v>
      </c>
      <c r="E1167" t="s">
        <v>11</v>
      </c>
      <c r="G1167" t="s">
        <v>6038</v>
      </c>
    </row>
    <row r="1168" spans="1:7" x14ac:dyDescent="0.2">
      <c r="A1168" t="s">
        <v>6039</v>
      </c>
      <c r="B1168" t="s">
        <v>6040</v>
      </c>
      <c r="C1168" t="s">
        <v>6041</v>
      </c>
      <c r="D1168" t="s">
        <v>6042</v>
      </c>
      <c r="E1168" t="s">
        <v>11</v>
      </c>
      <c r="G1168" t="s">
        <v>6043</v>
      </c>
    </row>
    <row r="1169" spans="1:7" x14ac:dyDescent="0.2">
      <c r="A1169" t="s">
        <v>6044</v>
      </c>
      <c r="B1169" t="s">
        <v>6045</v>
      </c>
      <c r="C1169" t="s">
        <v>6046</v>
      </c>
      <c r="D1169" t="s">
        <v>6047</v>
      </c>
      <c r="E1169" t="s">
        <v>11</v>
      </c>
      <c r="G1169" t="s">
        <v>6048</v>
      </c>
    </row>
    <row r="1170" spans="1:7" x14ac:dyDescent="0.2">
      <c r="A1170" t="s">
        <v>6049</v>
      </c>
      <c r="B1170" t="s">
        <v>6050</v>
      </c>
      <c r="C1170" t="s">
        <v>6051</v>
      </c>
      <c r="D1170" t="s">
        <v>6052</v>
      </c>
      <c r="E1170" t="s">
        <v>11</v>
      </c>
      <c r="G1170" t="s">
        <v>6053</v>
      </c>
    </row>
    <row r="1171" spans="1:7" x14ac:dyDescent="0.2">
      <c r="A1171" t="s">
        <v>6054</v>
      </c>
      <c r="B1171" t="s">
        <v>6055</v>
      </c>
      <c r="C1171" t="s">
        <v>6056</v>
      </c>
      <c r="D1171" t="s">
        <v>6057</v>
      </c>
      <c r="E1171" t="s">
        <v>11</v>
      </c>
      <c r="G1171" t="s">
        <v>6058</v>
      </c>
    </row>
    <row r="1172" spans="1:7" x14ac:dyDescent="0.2">
      <c r="A1172" t="s">
        <v>6059</v>
      </c>
      <c r="B1172" t="s">
        <v>6060</v>
      </c>
      <c r="C1172" t="s">
        <v>6061</v>
      </c>
      <c r="D1172" t="s">
        <v>6062</v>
      </c>
      <c r="E1172" t="s">
        <v>11</v>
      </c>
      <c r="G1172" t="s">
        <v>6063</v>
      </c>
    </row>
    <row r="1173" spans="1:7" x14ac:dyDescent="0.2">
      <c r="A1173" t="s">
        <v>6064</v>
      </c>
      <c r="B1173" t="s">
        <v>6065</v>
      </c>
      <c r="C1173" t="s">
        <v>6066</v>
      </c>
      <c r="D1173" t="s">
        <v>6067</v>
      </c>
      <c r="E1173" t="s">
        <v>11</v>
      </c>
      <c r="G1173" t="s">
        <v>6068</v>
      </c>
    </row>
    <row r="1174" spans="1:7" x14ac:dyDescent="0.2">
      <c r="A1174" t="s">
        <v>6069</v>
      </c>
      <c r="B1174" t="s">
        <v>6070</v>
      </c>
      <c r="C1174" t="s">
        <v>6071</v>
      </c>
      <c r="D1174" t="s">
        <v>6072</v>
      </c>
      <c r="E1174" t="s">
        <v>11</v>
      </c>
      <c r="G1174" t="s">
        <v>6073</v>
      </c>
    </row>
    <row r="1175" spans="1:7" x14ac:dyDescent="0.2">
      <c r="A1175" t="s">
        <v>6074</v>
      </c>
      <c r="B1175" t="s">
        <v>6075</v>
      </c>
      <c r="C1175" t="s">
        <v>6076</v>
      </c>
      <c r="D1175" t="s">
        <v>6077</v>
      </c>
      <c r="E1175" t="s">
        <v>17</v>
      </c>
      <c r="F1175" t="s">
        <v>70</v>
      </c>
      <c r="G1175" t="s">
        <v>6078</v>
      </c>
    </row>
    <row r="1176" spans="1:7" x14ac:dyDescent="0.2">
      <c r="A1176" t="s">
        <v>6079</v>
      </c>
      <c r="B1176" t="s">
        <v>6080</v>
      </c>
      <c r="C1176" t="s">
        <v>6081</v>
      </c>
      <c r="D1176" t="s">
        <v>6082</v>
      </c>
      <c r="E1176" t="s">
        <v>11</v>
      </c>
      <c r="G1176" t="s">
        <v>6083</v>
      </c>
    </row>
    <row r="1177" spans="1:7" x14ac:dyDescent="0.2">
      <c r="A1177" t="s">
        <v>6084</v>
      </c>
      <c r="B1177" t="s">
        <v>6085</v>
      </c>
      <c r="C1177" t="s">
        <v>6086</v>
      </c>
      <c r="D1177" t="s">
        <v>6087</v>
      </c>
      <c r="E1177" t="s">
        <v>11</v>
      </c>
      <c r="G1177" t="s">
        <v>6088</v>
      </c>
    </row>
    <row r="1178" spans="1:7" x14ac:dyDescent="0.2">
      <c r="A1178" t="s">
        <v>6089</v>
      </c>
      <c r="B1178" t="s">
        <v>6090</v>
      </c>
      <c r="C1178" t="s">
        <v>6091</v>
      </c>
      <c r="D1178" t="s">
        <v>6092</v>
      </c>
      <c r="E1178" t="s">
        <v>63</v>
      </c>
      <c r="F1178" t="s">
        <v>6093</v>
      </c>
      <c r="G1178" t="s">
        <v>6094</v>
      </c>
    </row>
    <row r="1179" spans="1:7" x14ac:dyDescent="0.2">
      <c r="A1179" t="s">
        <v>6095</v>
      </c>
      <c r="B1179" t="s">
        <v>6096</v>
      </c>
      <c r="C1179" t="s">
        <v>6097</v>
      </c>
      <c r="D1179" t="s">
        <v>6092</v>
      </c>
      <c r="E1179" t="s">
        <v>17</v>
      </c>
      <c r="F1179" t="s">
        <v>6098</v>
      </c>
      <c r="G1179" t="s">
        <v>6099</v>
      </c>
    </row>
    <row r="1180" spans="1:7" x14ac:dyDescent="0.2">
      <c r="A1180" t="s">
        <v>6100</v>
      </c>
      <c r="B1180" t="s">
        <v>6101</v>
      </c>
      <c r="C1180" t="s">
        <v>6102</v>
      </c>
      <c r="D1180" t="s">
        <v>6103</v>
      </c>
      <c r="E1180" t="s">
        <v>17</v>
      </c>
      <c r="F1180" t="s">
        <v>6104</v>
      </c>
      <c r="G1180" t="s">
        <v>6105</v>
      </c>
    </row>
    <row r="1181" spans="1:7" x14ac:dyDescent="0.2">
      <c r="A1181" t="s">
        <v>6106</v>
      </c>
      <c r="B1181" t="s">
        <v>6107</v>
      </c>
      <c r="C1181" t="s">
        <v>6108</v>
      </c>
      <c r="D1181" t="s">
        <v>6109</v>
      </c>
      <c r="E1181" t="s">
        <v>17</v>
      </c>
      <c r="F1181" t="s">
        <v>18</v>
      </c>
      <c r="G1181" t="s">
        <v>6110</v>
      </c>
    </row>
    <row r="1182" spans="1:7" x14ac:dyDescent="0.2">
      <c r="A1182" t="s">
        <v>6111</v>
      </c>
      <c r="B1182" t="s">
        <v>6112</v>
      </c>
      <c r="C1182" t="s">
        <v>6113</v>
      </c>
      <c r="D1182" t="s">
        <v>6114</v>
      </c>
      <c r="E1182" t="s">
        <v>11</v>
      </c>
      <c r="G1182" t="s">
        <v>6115</v>
      </c>
    </row>
    <row r="1183" spans="1:7" x14ac:dyDescent="0.2">
      <c r="A1183" t="s">
        <v>6116</v>
      </c>
      <c r="B1183" t="s">
        <v>6117</v>
      </c>
      <c r="C1183" t="s">
        <v>6118</v>
      </c>
      <c r="D1183" t="s">
        <v>6119</v>
      </c>
      <c r="E1183" t="s">
        <v>17</v>
      </c>
      <c r="F1183" t="s">
        <v>986</v>
      </c>
      <c r="G1183" t="s">
        <v>6120</v>
      </c>
    </row>
    <row r="1184" spans="1:7" x14ac:dyDescent="0.2">
      <c r="A1184" t="s">
        <v>6121</v>
      </c>
      <c r="B1184" t="s">
        <v>6122</v>
      </c>
      <c r="C1184" t="s">
        <v>6123</v>
      </c>
      <c r="D1184" t="s">
        <v>6124</v>
      </c>
      <c r="E1184" t="s">
        <v>11</v>
      </c>
      <c r="G1184" t="s">
        <v>6125</v>
      </c>
    </row>
    <row r="1185" spans="1:7" x14ac:dyDescent="0.2">
      <c r="A1185" t="s">
        <v>6126</v>
      </c>
      <c r="B1185" t="s">
        <v>6127</v>
      </c>
      <c r="C1185" t="s">
        <v>6128</v>
      </c>
      <c r="D1185" t="s">
        <v>6129</v>
      </c>
      <c r="E1185" t="s">
        <v>17</v>
      </c>
      <c r="F1185" t="s">
        <v>45</v>
      </c>
      <c r="G1185" t="s">
        <v>6130</v>
      </c>
    </row>
    <row r="1186" spans="1:7" x14ac:dyDescent="0.2">
      <c r="A1186" t="s">
        <v>6131</v>
      </c>
      <c r="B1186" t="s">
        <v>6132</v>
      </c>
      <c r="C1186" t="s">
        <v>6133</v>
      </c>
      <c r="D1186" t="s">
        <v>6134</v>
      </c>
      <c r="E1186" t="s">
        <v>11</v>
      </c>
      <c r="G1186" t="s">
        <v>6135</v>
      </c>
    </row>
    <row r="1187" spans="1:7" x14ac:dyDescent="0.2">
      <c r="A1187" t="s">
        <v>6136</v>
      </c>
      <c r="B1187" t="s">
        <v>6137</v>
      </c>
      <c r="C1187" t="s">
        <v>6138</v>
      </c>
      <c r="D1187" t="s">
        <v>6139</v>
      </c>
      <c r="E1187" t="s">
        <v>17</v>
      </c>
      <c r="F1187" t="s">
        <v>6140</v>
      </c>
      <c r="G1187" t="s">
        <v>6141</v>
      </c>
    </row>
    <row r="1188" spans="1:7" x14ac:dyDescent="0.2">
      <c r="A1188" t="s">
        <v>6142</v>
      </c>
      <c r="B1188" t="s">
        <v>6143</v>
      </c>
      <c r="C1188" t="s">
        <v>6144</v>
      </c>
      <c r="D1188" t="s">
        <v>6145</v>
      </c>
      <c r="E1188" t="s">
        <v>17</v>
      </c>
      <c r="F1188" t="s">
        <v>98</v>
      </c>
      <c r="G1188" t="s">
        <v>6146</v>
      </c>
    </row>
    <row r="1189" spans="1:7" x14ac:dyDescent="0.2">
      <c r="A1189" t="s">
        <v>6147</v>
      </c>
      <c r="B1189" t="s">
        <v>6148</v>
      </c>
      <c r="C1189" t="s">
        <v>6149</v>
      </c>
      <c r="D1189" t="s">
        <v>6150</v>
      </c>
      <c r="E1189" t="s">
        <v>63</v>
      </c>
      <c r="F1189" t="s">
        <v>6151</v>
      </c>
      <c r="G1189" t="s">
        <v>6152</v>
      </c>
    </row>
    <row r="1190" spans="1:7" x14ac:dyDescent="0.2">
      <c r="A1190" t="s">
        <v>6153</v>
      </c>
      <c r="B1190" t="s">
        <v>6154</v>
      </c>
      <c r="C1190" t="s">
        <v>6155</v>
      </c>
      <c r="D1190" t="s">
        <v>6156</v>
      </c>
      <c r="E1190" t="s">
        <v>11</v>
      </c>
      <c r="G1190" t="s">
        <v>6157</v>
      </c>
    </row>
    <row r="1191" spans="1:7" x14ac:dyDescent="0.2">
      <c r="A1191" t="s">
        <v>6158</v>
      </c>
      <c r="B1191" t="s">
        <v>6159</v>
      </c>
      <c r="C1191" t="s">
        <v>6160</v>
      </c>
      <c r="D1191" t="s">
        <v>6161</v>
      </c>
      <c r="E1191" t="s">
        <v>11</v>
      </c>
      <c r="G1191" t="s">
        <v>6162</v>
      </c>
    </row>
    <row r="1192" spans="1:7" x14ac:dyDescent="0.2">
      <c r="A1192" t="s">
        <v>6163</v>
      </c>
      <c r="B1192" t="s">
        <v>6164</v>
      </c>
      <c r="C1192" t="s">
        <v>6165</v>
      </c>
      <c r="D1192" t="s">
        <v>6166</v>
      </c>
      <c r="E1192" t="s">
        <v>11</v>
      </c>
      <c r="G1192" t="s">
        <v>6167</v>
      </c>
    </row>
    <row r="1193" spans="1:7" x14ac:dyDescent="0.2">
      <c r="A1193" t="s">
        <v>6168</v>
      </c>
      <c r="B1193" t="s">
        <v>6169</v>
      </c>
      <c r="C1193" t="s">
        <v>6170</v>
      </c>
      <c r="D1193" t="s">
        <v>6171</v>
      </c>
      <c r="E1193" t="s">
        <v>11</v>
      </c>
      <c r="G1193" t="s">
        <v>6172</v>
      </c>
    </row>
    <row r="1194" spans="1:7" x14ac:dyDescent="0.2">
      <c r="A1194" t="s">
        <v>6173</v>
      </c>
      <c r="B1194" t="s">
        <v>6174</v>
      </c>
      <c r="C1194" t="s">
        <v>6175</v>
      </c>
      <c r="D1194" t="s">
        <v>6176</v>
      </c>
      <c r="E1194" t="s">
        <v>11</v>
      </c>
      <c r="G1194" t="s">
        <v>6177</v>
      </c>
    </row>
    <row r="1195" spans="1:7" x14ac:dyDescent="0.2">
      <c r="A1195" t="s">
        <v>6178</v>
      </c>
      <c r="B1195" t="s">
        <v>6179</v>
      </c>
      <c r="C1195" t="s">
        <v>6180</v>
      </c>
      <c r="D1195" t="s">
        <v>6181</v>
      </c>
      <c r="E1195" t="s">
        <v>11</v>
      </c>
      <c r="G1195" t="s">
        <v>6182</v>
      </c>
    </row>
    <row r="1196" spans="1:7" x14ac:dyDescent="0.2">
      <c r="A1196" t="s">
        <v>6183</v>
      </c>
      <c r="B1196" t="s">
        <v>6184</v>
      </c>
      <c r="C1196" t="s">
        <v>6185</v>
      </c>
      <c r="D1196" t="s">
        <v>6186</v>
      </c>
      <c r="E1196" t="s">
        <v>11</v>
      </c>
      <c r="G1196" t="s">
        <v>6187</v>
      </c>
    </row>
    <row r="1197" spans="1:7" x14ac:dyDescent="0.2">
      <c r="A1197" t="s">
        <v>6188</v>
      </c>
      <c r="B1197" t="s">
        <v>6189</v>
      </c>
      <c r="C1197" t="s">
        <v>6190</v>
      </c>
      <c r="D1197" t="s">
        <v>6191</v>
      </c>
      <c r="E1197" t="s">
        <v>11</v>
      </c>
      <c r="G1197" t="s">
        <v>6192</v>
      </c>
    </row>
    <row r="1198" spans="1:7" x14ac:dyDescent="0.2">
      <c r="A1198" t="s">
        <v>6193</v>
      </c>
      <c r="B1198" t="s">
        <v>6194</v>
      </c>
      <c r="C1198" t="s">
        <v>6195</v>
      </c>
      <c r="D1198" t="s">
        <v>6196</v>
      </c>
      <c r="E1198" t="s">
        <v>11</v>
      </c>
      <c r="G1198" t="s">
        <v>6197</v>
      </c>
    </row>
    <row r="1199" spans="1:7" x14ac:dyDescent="0.2">
      <c r="A1199" t="s">
        <v>6198</v>
      </c>
      <c r="B1199" t="s">
        <v>6199</v>
      </c>
      <c r="C1199" t="s">
        <v>6200</v>
      </c>
      <c r="D1199" t="s">
        <v>6201</v>
      </c>
      <c r="E1199" t="s">
        <v>11</v>
      </c>
      <c r="G1199" t="s">
        <v>6202</v>
      </c>
    </row>
    <row r="1200" spans="1:7" x14ac:dyDescent="0.2">
      <c r="A1200" t="s">
        <v>6203</v>
      </c>
      <c r="B1200" t="s">
        <v>6204</v>
      </c>
      <c r="C1200" t="s">
        <v>6205</v>
      </c>
      <c r="D1200" t="s">
        <v>6206</v>
      </c>
      <c r="E1200" t="s">
        <v>11</v>
      </c>
      <c r="G1200" t="s">
        <v>6207</v>
      </c>
    </row>
    <row r="1201" spans="1:7" x14ac:dyDescent="0.2">
      <c r="A1201" t="s">
        <v>6208</v>
      </c>
      <c r="B1201" t="s">
        <v>6209</v>
      </c>
      <c r="C1201" t="s">
        <v>6210</v>
      </c>
      <c r="D1201" t="s">
        <v>6211</v>
      </c>
      <c r="E1201" t="s">
        <v>17</v>
      </c>
      <c r="F1201" t="s">
        <v>6212</v>
      </c>
      <c r="G1201" t="s">
        <v>6213</v>
      </c>
    </row>
    <row r="1202" spans="1:7" x14ac:dyDescent="0.2">
      <c r="A1202" t="s">
        <v>6214</v>
      </c>
      <c r="B1202" t="s">
        <v>6215</v>
      </c>
      <c r="C1202" t="s">
        <v>6216</v>
      </c>
      <c r="D1202" t="s">
        <v>6217</v>
      </c>
      <c r="E1202" t="s">
        <v>11</v>
      </c>
      <c r="G1202" t="s">
        <v>6218</v>
      </c>
    </row>
    <row r="1203" spans="1:7" x14ac:dyDescent="0.2">
      <c r="A1203" t="s">
        <v>6219</v>
      </c>
      <c r="B1203" t="s">
        <v>6220</v>
      </c>
      <c r="C1203" t="s">
        <v>6221</v>
      </c>
      <c r="D1203" t="s">
        <v>6222</v>
      </c>
      <c r="E1203" t="s">
        <v>11</v>
      </c>
      <c r="G1203" t="s">
        <v>6223</v>
      </c>
    </row>
    <row r="1204" spans="1:7" x14ac:dyDescent="0.2">
      <c r="A1204" t="s">
        <v>6224</v>
      </c>
      <c r="B1204" t="s">
        <v>6225</v>
      </c>
      <c r="C1204" t="s">
        <v>6226</v>
      </c>
      <c r="D1204" t="s">
        <v>6227</v>
      </c>
      <c r="E1204" t="s">
        <v>11</v>
      </c>
      <c r="G1204" t="s">
        <v>6228</v>
      </c>
    </row>
    <row r="1205" spans="1:7" x14ac:dyDescent="0.2">
      <c r="A1205" t="s">
        <v>6229</v>
      </c>
      <c r="B1205" t="s">
        <v>6230</v>
      </c>
      <c r="C1205" t="s">
        <v>6231</v>
      </c>
      <c r="D1205" t="s">
        <v>6232</v>
      </c>
      <c r="E1205" t="s">
        <v>11</v>
      </c>
      <c r="G1205" t="s">
        <v>6233</v>
      </c>
    </row>
    <row r="1206" spans="1:7" x14ac:dyDescent="0.2">
      <c r="A1206" t="s">
        <v>6234</v>
      </c>
      <c r="B1206" t="s">
        <v>6235</v>
      </c>
      <c r="C1206" t="s">
        <v>6236</v>
      </c>
      <c r="D1206" t="s">
        <v>6237</v>
      </c>
      <c r="E1206" t="s">
        <v>11</v>
      </c>
      <c r="G1206" t="s">
        <v>6238</v>
      </c>
    </row>
    <row r="1207" spans="1:7" x14ac:dyDescent="0.2">
      <c r="A1207" t="s">
        <v>6239</v>
      </c>
      <c r="B1207" t="s">
        <v>6240</v>
      </c>
      <c r="C1207" t="s">
        <v>6241</v>
      </c>
      <c r="D1207" t="s">
        <v>6242</v>
      </c>
      <c r="E1207" t="s">
        <v>11</v>
      </c>
      <c r="G1207" t="s">
        <v>6243</v>
      </c>
    </row>
    <row r="1208" spans="1:7" x14ac:dyDescent="0.2">
      <c r="A1208" t="s">
        <v>6244</v>
      </c>
      <c r="B1208" t="s">
        <v>6245</v>
      </c>
      <c r="C1208" t="s">
        <v>6246</v>
      </c>
      <c r="D1208" t="s">
        <v>6247</v>
      </c>
      <c r="E1208" t="s">
        <v>17</v>
      </c>
      <c r="F1208" t="s">
        <v>756</v>
      </c>
      <c r="G1208" t="s">
        <v>6248</v>
      </c>
    </row>
    <row r="1209" spans="1:7" x14ac:dyDescent="0.2">
      <c r="A1209" t="s">
        <v>6249</v>
      </c>
      <c r="B1209" t="s">
        <v>6250</v>
      </c>
      <c r="C1209" t="s">
        <v>6251</v>
      </c>
      <c r="D1209" t="s">
        <v>6252</v>
      </c>
      <c r="E1209" t="s">
        <v>11</v>
      </c>
      <c r="G1209" t="s">
        <v>6253</v>
      </c>
    </row>
    <row r="1210" spans="1:7" x14ac:dyDescent="0.2">
      <c r="A1210" t="s">
        <v>6254</v>
      </c>
      <c r="B1210" t="s">
        <v>6255</v>
      </c>
      <c r="C1210" t="s">
        <v>6256</v>
      </c>
      <c r="D1210" t="s">
        <v>6257</v>
      </c>
      <c r="E1210" t="s">
        <v>11</v>
      </c>
      <c r="F1210" t="s">
        <v>6258</v>
      </c>
      <c r="G1210" t="s">
        <v>6259</v>
      </c>
    </row>
    <row r="1211" spans="1:7" x14ac:dyDescent="0.2">
      <c r="A1211" t="s">
        <v>6260</v>
      </c>
      <c r="B1211" t="s">
        <v>6261</v>
      </c>
      <c r="C1211" t="s">
        <v>6262</v>
      </c>
      <c r="D1211" t="s">
        <v>6263</v>
      </c>
      <c r="E1211" t="s">
        <v>11</v>
      </c>
      <c r="G1211" t="s">
        <v>6264</v>
      </c>
    </row>
    <row r="1212" spans="1:7" x14ac:dyDescent="0.2">
      <c r="A1212" t="s">
        <v>6265</v>
      </c>
      <c r="B1212" t="s">
        <v>6266</v>
      </c>
      <c r="C1212" t="s">
        <v>6267</v>
      </c>
      <c r="D1212" t="s">
        <v>6268</v>
      </c>
      <c r="E1212" t="s">
        <v>11</v>
      </c>
      <c r="G1212" t="s">
        <v>6269</v>
      </c>
    </row>
    <row r="1213" spans="1:7" x14ac:dyDescent="0.2">
      <c r="A1213" t="s">
        <v>6270</v>
      </c>
      <c r="B1213" t="s">
        <v>6271</v>
      </c>
      <c r="C1213" t="s">
        <v>6272</v>
      </c>
      <c r="D1213" t="s">
        <v>6273</v>
      </c>
      <c r="E1213" t="s">
        <v>17</v>
      </c>
      <c r="F1213" t="s">
        <v>6274</v>
      </c>
      <c r="G1213" t="s">
        <v>6275</v>
      </c>
    </row>
    <row r="1214" spans="1:7" x14ac:dyDescent="0.2">
      <c r="A1214" t="s">
        <v>6276</v>
      </c>
      <c r="B1214" t="s">
        <v>6277</v>
      </c>
      <c r="C1214" t="s">
        <v>6278</v>
      </c>
      <c r="D1214" t="s">
        <v>6279</v>
      </c>
      <c r="E1214" t="s">
        <v>11</v>
      </c>
      <c r="G1214" t="s">
        <v>6280</v>
      </c>
    </row>
    <row r="1215" spans="1:7" x14ac:dyDescent="0.2">
      <c r="A1215" t="s">
        <v>6281</v>
      </c>
      <c r="B1215" t="s">
        <v>6282</v>
      </c>
      <c r="C1215" t="s">
        <v>6283</v>
      </c>
      <c r="D1215" t="s">
        <v>6284</v>
      </c>
      <c r="E1215" t="s">
        <v>17</v>
      </c>
      <c r="F1215" t="s">
        <v>45</v>
      </c>
      <c r="G1215" t="s">
        <v>6285</v>
      </c>
    </row>
    <row r="1216" spans="1:7" x14ac:dyDescent="0.2">
      <c r="A1216" t="s">
        <v>6286</v>
      </c>
      <c r="B1216" t="s">
        <v>6287</v>
      </c>
      <c r="C1216" t="s">
        <v>6288</v>
      </c>
      <c r="D1216" t="s">
        <v>6289</v>
      </c>
      <c r="E1216" t="s">
        <v>17</v>
      </c>
      <c r="F1216" t="s">
        <v>6290</v>
      </c>
      <c r="G1216" t="s">
        <v>6291</v>
      </c>
    </row>
    <row r="1217" spans="1:7" x14ac:dyDescent="0.2">
      <c r="A1217" t="s">
        <v>6292</v>
      </c>
      <c r="B1217" t="s">
        <v>6293</v>
      </c>
      <c r="C1217" t="s">
        <v>6294</v>
      </c>
      <c r="D1217" t="s">
        <v>6295</v>
      </c>
      <c r="E1217" t="s">
        <v>11</v>
      </c>
      <c r="G1217" t="s">
        <v>6296</v>
      </c>
    </row>
    <row r="1218" spans="1:7" x14ac:dyDescent="0.2">
      <c r="A1218" t="s">
        <v>6297</v>
      </c>
      <c r="B1218" t="s">
        <v>6298</v>
      </c>
      <c r="C1218" t="s">
        <v>6299</v>
      </c>
      <c r="D1218" t="s">
        <v>6300</v>
      </c>
      <c r="E1218" t="s">
        <v>17</v>
      </c>
      <c r="F1218" t="s">
        <v>70</v>
      </c>
      <c r="G1218" t="s">
        <v>6301</v>
      </c>
    </row>
    <row r="1219" spans="1:7" x14ac:dyDescent="0.2">
      <c r="A1219" t="s">
        <v>6302</v>
      </c>
      <c r="B1219" t="s">
        <v>6303</v>
      </c>
      <c r="C1219" t="s">
        <v>6304</v>
      </c>
      <c r="D1219" t="s">
        <v>6305</v>
      </c>
      <c r="E1219" t="s">
        <v>11</v>
      </c>
      <c r="G1219" t="s">
        <v>6306</v>
      </c>
    </row>
    <row r="1220" spans="1:7" x14ac:dyDescent="0.2">
      <c r="A1220" t="s">
        <v>6307</v>
      </c>
      <c r="B1220" t="s">
        <v>6308</v>
      </c>
      <c r="C1220" t="s">
        <v>6309</v>
      </c>
      <c r="D1220" t="s">
        <v>6310</v>
      </c>
      <c r="E1220" t="s">
        <v>11</v>
      </c>
      <c r="G1220" t="s">
        <v>6311</v>
      </c>
    </row>
    <row r="1221" spans="1:7" x14ac:dyDescent="0.2">
      <c r="A1221" t="s">
        <v>6312</v>
      </c>
      <c r="B1221" t="s">
        <v>6313</v>
      </c>
      <c r="C1221" t="s">
        <v>6314</v>
      </c>
      <c r="D1221" t="s">
        <v>6315</v>
      </c>
      <c r="E1221" t="s">
        <v>11</v>
      </c>
      <c r="G1221" t="s">
        <v>6316</v>
      </c>
    </row>
    <row r="1222" spans="1:7" x14ac:dyDescent="0.2">
      <c r="A1222" t="s">
        <v>6317</v>
      </c>
      <c r="B1222" t="s">
        <v>6318</v>
      </c>
      <c r="C1222" t="s">
        <v>6319</v>
      </c>
      <c r="D1222" t="s">
        <v>6320</v>
      </c>
      <c r="E1222" t="s">
        <v>11</v>
      </c>
      <c r="G1222" t="s">
        <v>6321</v>
      </c>
    </row>
    <row r="1223" spans="1:7" x14ac:dyDescent="0.2">
      <c r="A1223" t="s">
        <v>6322</v>
      </c>
      <c r="B1223" t="s">
        <v>6323</v>
      </c>
      <c r="C1223" t="s">
        <v>6324</v>
      </c>
      <c r="D1223" t="s">
        <v>6325</v>
      </c>
      <c r="E1223" t="s">
        <v>17</v>
      </c>
      <c r="F1223" t="s">
        <v>1161</v>
      </c>
      <c r="G1223" t="s">
        <v>6326</v>
      </c>
    </row>
    <row r="1224" spans="1:7" x14ac:dyDescent="0.2">
      <c r="A1224" t="s">
        <v>6327</v>
      </c>
      <c r="B1224" t="s">
        <v>6328</v>
      </c>
      <c r="C1224" t="s">
        <v>6329</v>
      </c>
      <c r="D1224" t="s">
        <v>6330</v>
      </c>
      <c r="E1224" t="s">
        <v>11</v>
      </c>
      <c r="G1224" t="s">
        <v>6331</v>
      </c>
    </row>
    <row r="1225" spans="1:7" x14ac:dyDescent="0.2">
      <c r="A1225" t="s">
        <v>6332</v>
      </c>
      <c r="B1225" t="s">
        <v>6333</v>
      </c>
      <c r="C1225" t="s">
        <v>6334</v>
      </c>
      <c r="D1225" t="s">
        <v>6335</v>
      </c>
      <c r="E1225" t="s">
        <v>11</v>
      </c>
      <c r="G1225" t="s">
        <v>6336</v>
      </c>
    </row>
    <row r="1226" spans="1:7" x14ac:dyDescent="0.2">
      <c r="A1226" t="s">
        <v>6337</v>
      </c>
      <c r="B1226" t="s">
        <v>6338</v>
      </c>
      <c r="C1226" t="s">
        <v>6339</v>
      </c>
      <c r="D1226" t="s">
        <v>6340</v>
      </c>
      <c r="E1226" t="s">
        <v>11</v>
      </c>
      <c r="G1226" t="s">
        <v>6341</v>
      </c>
    </row>
    <row r="1227" spans="1:7" x14ac:dyDescent="0.2">
      <c r="A1227" t="s">
        <v>6342</v>
      </c>
      <c r="B1227" t="s">
        <v>6343</v>
      </c>
      <c r="C1227" t="s">
        <v>6344</v>
      </c>
      <c r="D1227" t="s">
        <v>6345</v>
      </c>
      <c r="E1227" t="s">
        <v>11</v>
      </c>
      <c r="G1227" t="s">
        <v>6346</v>
      </c>
    </row>
    <row r="1228" spans="1:7" x14ac:dyDescent="0.2">
      <c r="A1228" t="s">
        <v>6347</v>
      </c>
      <c r="B1228" t="s">
        <v>6348</v>
      </c>
      <c r="C1228" t="s">
        <v>6349</v>
      </c>
      <c r="D1228" t="s">
        <v>6350</v>
      </c>
      <c r="E1228" t="s">
        <v>17</v>
      </c>
      <c r="F1228" t="s">
        <v>1161</v>
      </c>
      <c r="G1228" t="s">
        <v>6351</v>
      </c>
    </row>
    <row r="1229" spans="1:7" x14ac:dyDescent="0.2">
      <c r="A1229" t="s">
        <v>6352</v>
      </c>
      <c r="B1229" t="s">
        <v>6353</v>
      </c>
      <c r="C1229" t="s">
        <v>6354</v>
      </c>
      <c r="D1229" t="s">
        <v>6355</v>
      </c>
      <c r="E1229" t="s">
        <v>11</v>
      </c>
      <c r="G1229" t="s">
        <v>6356</v>
      </c>
    </row>
    <row r="1230" spans="1:7" x14ac:dyDescent="0.2">
      <c r="A1230" t="s">
        <v>6357</v>
      </c>
      <c r="B1230" t="s">
        <v>6358</v>
      </c>
      <c r="C1230" t="s">
        <v>6359</v>
      </c>
      <c r="D1230" t="s">
        <v>6360</v>
      </c>
      <c r="E1230" t="s">
        <v>11</v>
      </c>
      <c r="G1230" t="s">
        <v>6361</v>
      </c>
    </row>
    <row r="1231" spans="1:7" x14ac:dyDescent="0.2">
      <c r="A1231" t="s">
        <v>6362</v>
      </c>
      <c r="B1231" t="s">
        <v>6363</v>
      </c>
      <c r="C1231" t="s">
        <v>6364</v>
      </c>
      <c r="D1231" t="s">
        <v>6365</v>
      </c>
      <c r="E1231" t="s">
        <v>11</v>
      </c>
      <c r="G1231" t="s">
        <v>6366</v>
      </c>
    </row>
    <row r="1232" spans="1:7" x14ac:dyDescent="0.2">
      <c r="A1232" t="s">
        <v>6367</v>
      </c>
      <c r="B1232" t="s">
        <v>6368</v>
      </c>
      <c r="C1232" t="s">
        <v>6369</v>
      </c>
      <c r="D1232" t="s">
        <v>6370</v>
      </c>
      <c r="E1232" t="s">
        <v>17</v>
      </c>
      <c r="F1232" t="s">
        <v>70</v>
      </c>
      <c r="G1232" t="s">
        <v>6371</v>
      </c>
    </row>
    <row r="1233" spans="1:7" x14ac:dyDescent="0.2">
      <c r="A1233" t="s">
        <v>6372</v>
      </c>
      <c r="B1233" t="s">
        <v>6373</v>
      </c>
      <c r="C1233" t="s">
        <v>6374</v>
      </c>
      <c r="D1233" t="s">
        <v>6375</v>
      </c>
      <c r="E1233" t="s">
        <v>11</v>
      </c>
      <c r="G1233" t="s">
        <v>6376</v>
      </c>
    </row>
    <row r="1234" spans="1:7" x14ac:dyDescent="0.2">
      <c r="A1234" t="s">
        <v>6377</v>
      </c>
      <c r="B1234" t="s">
        <v>6378</v>
      </c>
      <c r="C1234" t="s">
        <v>6379</v>
      </c>
      <c r="D1234" t="s">
        <v>6380</v>
      </c>
      <c r="E1234" t="s">
        <v>11</v>
      </c>
      <c r="G1234" t="s">
        <v>6381</v>
      </c>
    </row>
    <row r="1235" spans="1:7" x14ac:dyDescent="0.2">
      <c r="A1235" t="s">
        <v>6382</v>
      </c>
      <c r="B1235" t="s">
        <v>6383</v>
      </c>
      <c r="C1235" t="s">
        <v>6384</v>
      </c>
      <c r="D1235" t="s">
        <v>6385</v>
      </c>
      <c r="E1235" t="s">
        <v>17</v>
      </c>
      <c r="F1235" t="s">
        <v>1044</v>
      </c>
      <c r="G1235" t="s">
        <v>6386</v>
      </c>
    </row>
    <row r="1236" spans="1:7" x14ac:dyDescent="0.2">
      <c r="A1236" t="s">
        <v>6387</v>
      </c>
      <c r="B1236" t="s">
        <v>6388</v>
      </c>
      <c r="C1236" t="s">
        <v>6389</v>
      </c>
      <c r="D1236" t="s">
        <v>6390</v>
      </c>
      <c r="E1236" t="s">
        <v>17</v>
      </c>
      <c r="F1236" t="s">
        <v>70</v>
      </c>
      <c r="G1236" t="s">
        <v>6391</v>
      </c>
    </row>
    <row r="1237" spans="1:7" x14ac:dyDescent="0.2">
      <c r="A1237" t="s">
        <v>6392</v>
      </c>
      <c r="B1237" t="s">
        <v>6393</v>
      </c>
      <c r="C1237" t="s">
        <v>6394</v>
      </c>
      <c r="D1237" t="s">
        <v>6395</v>
      </c>
      <c r="E1237" t="s">
        <v>11</v>
      </c>
      <c r="G1237" t="s">
        <v>6396</v>
      </c>
    </row>
    <row r="1238" spans="1:7" x14ac:dyDescent="0.2">
      <c r="A1238" t="s">
        <v>6397</v>
      </c>
      <c r="B1238" t="s">
        <v>6398</v>
      </c>
      <c r="C1238" t="s">
        <v>6399</v>
      </c>
      <c r="D1238" t="s">
        <v>6400</v>
      </c>
      <c r="E1238" t="s">
        <v>11</v>
      </c>
      <c r="G1238" t="s">
        <v>6401</v>
      </c>
    </row>
    <row r="1239" spans="1:7" x14ac:dyDescent="0.2">
      <c r="A1239" t="s">
        <v>6402</v>
      </c>
      <c r="B1239" t="s">
        <v>6403</v>
      </c>
      <c r="C1239" t="s">
        <v>6404</v>
      </c>
      <c r="D1239" t="s">
        <v>6405</v>
      </c>
      <c r="E1239" t="s">
        <v>17</v>
      </c>
      <c r="F1239" t="s">
        <v>70</v>
      </c>
      <c r="G1239" t="s">
        <v>6406</v>
      </c>
    </row>
    <row r="1240" spans="1:7" x14ac:dyDescent="0.2">
      <c r="A1240" t="s">
        <v>6407</v>
      </c>
      <c r="B1240" t="s">
        <v>6408</v>
      </c>
      <c r="C1240" t="s">
        <v>6409</v>
      </c>
      <c r="D1240" t="s">
        <v>6410</v>
      </c>
      <c r="E1240" t="s">
        <v>11</v>
      </c>
      <c r="G1240" t="s">
        <v>6411</v>
      </c>
    </row>
    <row r="1241" spans="1:7" x14ac:dyDescent="0.2">
      <c r="A1241" t="s">
        <v>6412</v>
      </c>
      <c r="B1241" t="s">
        <v>6413</v>
      </c>
      <c r="C1241" t="s">
        <v>6414</v>
      </c>
      <c r="D1241" t="s">
        <v>6415</v>
      </c>
      <c r="E1241" t="s">
        <v>11</v>
      </c>
      <c r="G1241" t="s">
        <v>6416</v>
      </c>
    </row>
    <row r="1242" spans="1:7" x14ac:dyDescent="0.2">
      <c r="A1242" t="s">
        <v>6417</v>
      </c>
      <c r="B1242" t="s">
        <v>6418</v>
      </c>
      <c r="C1242" t="s">
        <v>6419</v>
      </c>
      <c r="D1242" t="s">
        <v>6420</v>
      </c>
      <c r="E1242" t="s">
        <v>11</v>
      </c>
      <c r="G1242" t="s">
        <v>6421</v>
      </c>
    </row>
    <row r="1243" spans="1:7" x14ac:dyDescent="0.2">
      <c r="A1243" t="s">
        <v>6422</v>
      </c>
      <c r="B1243" t="s">
        <v>6423</v>
      </c>
      <c r="C1243" t="s">
        <v>6424</v>
      </c>
      <c r="D1243" t="s">
        <v>1915</v>
      </c>
      <c r="E1243" t="s">
        <v>17</v>
      </c>
      <c r="F1243" t="s">
        <v>6425</v>
      </c>
      <c r="G1243" t="s">
        <v>6426</v>
      </c>
    </row>
    <row r="1244" spans="1:7" x14ac:dyDescent="0.2">
      <c r="A1244" t="s">
        <v>6427</v>
      </c>
      <c r="B1244" t="s">
        <v>6428</v>
      </c>
      <c r="C1244" t="s">
        <v>6429</v>
      </c>
      <c r="D1244" t="s">
        <v>6430</v>
      </c>
      <c r="E1244" t="s">
        <v>11</v>
      </c>
      <c r="G1244" t="s">
        <v>6431</v>
      </c>
    </row>
    <row r="1245" spans="1:7" x14ac:dyDescent="0.2">
      <c r="A1245" t="s">
        <v>6432</v>
      </c>
      <c r="B1245" t="s">
        <v>6433</v>
      </c>
      <c r="C1245" t="s">
        <v>6434</v>
      </c>
      <c r="D1245" t="s">
        <v>6435</v>
      </c>
      <c r="E1245" t="s">
        <v>17</v>
      </c>
      <c r="F1245" t="s">
        <v>6436</v>
      </c>
      <c r="G1245" t="s">
        <v>6437</v>
      </c>
    </row>
    <row r="1246" spans="1:7" x14ac:dyDescent="0.2">
      <c r="A1246" t="s">
        <v>6438</v>
      </c>
      <c r="B1246" t="s">
        <v>6439</v>
      </c>
      <c r="C1246" t="s">
        <v>6440</v>
      </c>
      <c r="D1246" t="s">
        <v>6441</v>
      </c>
      <c r="E1246" t="s">
        <v>11</v>
      </c>
      <c r="G1246" t="s">
        <v>6442</v>
      </c>
    </row>
    <row r="1247" spans="1:7" x14ac:dyDescent="0.2">
      <c r="A1247" t="s">
        <v>6443</v>
      </c>
      <c r="B1247" t="s">
        <v>6444</v>
      </c>
      <c r="C1247" t="s">
        <v>6445</v>
      </c>
      <c r="D1247" t="s">
        <v>6446</v>
      </c>
      <c r="E1247" t="s">
        <v>11</v>
      </c>
      <c r="G1247" t="s">
        <v>6447</v>
      </c>
    </row>
    <row r="1248" spans="1:7" x14ac:dyDescent="0.2">
      <c r="A1248" t="s">
        <v>6448</v>
      </c>
      <c r="B1248" t="s">
        <v>6449</v>
      </c>
      <c r="C1248" t="s">
        <v>6450</v>
      </c>
      <c r="D1248" t="s">
        <v>6451</v>
      </c>
      <c r="E1248" t="s">
        <v>11</v>
      </c>
      <c r="G1248" t="s">
        <v>6452</v>
      </c>
    </row>
    <row r="1249" spans="1:7" x14ac:dyDescent="0.2">
      <c r="A1249" t="s">
        <v>6453</v>
      </c>
      <c r="B1249" t="s">
        <v>6454</v>
      </c>
      <c r="C1249" t="s">
        <v>6455</v>
      </c>
      <c r="D1249" t="s">
        <v>6451</v>
      </c>
      <c r="E1249" t="s">
        <v>11</v>
      </c>
      <c r="G1249" t="s">
        <v>6456</v>
      </c>
    </row>
    <row r="1250" spans="1:7" x14ac:dyDescent="0.2">
      <c r="A1250" t="s">
        <v>6457</v>
      </c>
      <c r="B1250" t="s">
        <v>6458</v>
      </c>
      <c r="C1250" t="s">
        <v>6459</v>
      </c>
      <c r="D1250" t="s">
        <v>6460</v>
      </c>
      <c r="E1250" t="s">
        <v>11</v>
      </c>
      <c r="G1250" t="s">
        <v>6461</v>
      </c>
    </row>
    <row r="1251" spans="1:7" x14ac:dyDescent="0.2">
      <c r="A1251" t="s">
        <v>6462</v>
      </c>
      <c r="B1251" t="s">
        <v>6463</v>
      </c>
      <c r="C1251" t="s">
        <v>6464</v>
      </c>
      <c r="D1251" t="s">
        <v>6465</v>
      </c>
      <c r="E1251" t="s">
        <v>11</v>
      </c>
      <c r="G1251" t="s">
        <v>6466</v>
      </c>
    </row>
    <row r="1252" spans="1:7" x14ac:dyDescent="0.2">
      <c r="A1252" t="s">
        <v>6467</v>
      </c>
      <c r="B1252" t="s">
        <v>6468</v>
      </c>
      <c r="C1252" t="s">
        <v>6469</v>
      </c>
      <c r="D1252" t="s">
        <v>6470</v>
      </c>
      <c r="E1252" t="s">
        <v>11</v>
      </c>
      <c r="G1252" t="s">
        <v>6471</v>
      </c>
    </row>
    <row r="1253" spans="1:7" x14ac:dyDescent="0.2">
      <c r="A1253" t="s">
        <v>6472</v>
      </c>
      <c r="B1253" t="s">
        <v>6473</v>
      </c>
      <c r="C1253" t="s">
        <v>6474</v>
      </c>
      <c r="D1253" t="s">
        <v>4303</v>
      </c>
      <c r="E1253" t="s">
        <v>17</v>
      </c>
      <c r="F1253" t="s">
        <v>6475</v>
      </c>
      <c r="G1253" t="s">
        <v>6476</v>
      </c>
    </row>
    <row r="1254" spans="1:7" x14ac:dyDescent="0.2">
      <c r="A1254" t="s">
        <v>6477</v>
      </c>
      <c r="B1254" t="s">
        <v>6478</v>
      </c>
      <c r="C1254" t="s">
        <v>6479</v>
      </c>
      <c r="D1254" t="s">
        <v>6480</v>
      </c>
      <c r="E1254" t="s">
        <v>17</v>
      </c>
      <c r="F1254" t="s">
        <v>6481</v>
      </c>
      <c r="G1254" t="s">
        <v>6482</v>
      </c>
    </row>
    <row r="1255" spans="1:7" x14ac:dyDescent="0.2">
      <c r="A1255" t="s">
        <v>6483</v>
      </c>
      <c r="B1255" t="s">
        <v>6484</v>
      </c>
      <c r="C1255" t="s">
        <v>6485</v>
      </c>
      <c r="D1255" t="s">
        <v>6486</v>
      </c>
      <c r="E1255" t="s">
        <v>11</v>
      </c>
      <c r="G1255" t="s">
        <v>6487</v>
      </c>
    </row>
    <row r="1256" spans="1:7" x14ac:dyDescent="0.2">
      <c r="A1256" t="s">
        <v>6488</v>
      </c>
      <c r="B1256" t="s">
        <v>6489</v>
      </c>
      <c r="C1256" t="s">
        <v>6490</v>
      </c>
      <c r="D1256" t="s">
        <v>6491</v>
      </c>
      <c r="E1256" t="s">
        <v>11</v>
      </c>
      <c r="G1256" t="s">
        <v>6492</v>
      </c>
    </row>
    <row r="1257" spans="1:7" x14ac:dyDescent="0.2">
      <c r="A1257" t="s">
        <v>6493</v>
      </c>
      <c r="B1257" t="s">
        <v>6494</v>
      </c>
      <c r="C1257" t="s">
        <v>6495</v>
      </c>
      <c r="D1257" t="s">
        <v>6496</v>
      </c>
      <c r="E1257" t="s">
        <v>11</v>
      </c>
      <c r="G1257" t="s">
        <v>6497</v>
      </c>
    </row>
    <row r="1258" spans="1:7" x14ac:dyDescent="0.2">
      <c r="A1258" t="s">
        <v>6498</v>
      </c>
      <c r="B1258" t="s">
        <v>6499</v>
      </c>
      <c r="C1258" t="s">
        <v>6500</v>
      </c>
      <c r="D1258" t="s">
        <v>6501</v>
      </c>
      <c r="E1258" t="s">
        <v>11</v>
      </c>
      <c r="G1258" t="s">
        <v>6502</v>
      </c>
    </row>
    <row r="1259" spans="1:7" x14ac:dyDescent="0.2">
      <c r="A1259" t="s">
        <v>6503</v>
      </c>
      <c r="B1259" t="s">
        <v>6504</v>
      </c>
      <c r="C1259" t="s">
        <v>6505</v>
      </c>
      <c r="D1259" t="s">
        <v>6506</v>
      </c>
      <c r="E1259" t="s">
        <v>17</v>
      </c>
      <c r="F1259" t="s">
        <v>6507</v>
      </c>
      <c r="G1259" t="s">
        <v>6508</v>
      </c>
    </row>
    <row r="1260" spans="1:7" x14ac:dyDescent="0.2">
      <c r="A1260" t="s">
        <v>6509</v>
      </c>
      <c r="B1260" t="s">
        <v>6510</v>
      </c>
      <c r="C1260" t="s">
        <v>6511</v>
      </c>
      <c r="D1260" t="s">
        <v>6512</v>
      </c>
      <c r="E1260" t="s">
        <v>11</v>
      </c>
      <c r="G1260" t="s">
        <v>6513</v>
      </c>
    </row>
    <row r="1261" spans="1:7" x14ac:dyDescent="0.2">
      <c r="A1261" t="s">
        <v>6514</v>
      </c>
      <c r="B1261" t="s">
        <v>6515</v>
      </c>
      <c r="C1261" t="s">
        <v>6516</v>
      </c>
      <c r="D1261" t="s">
        <v>6517</v>
      </c>
      <c r="E1261" t="s">
        <v>11</v>
      </c>
      <c r="G1261" t="s">
        <v>6518</v>
      </c>
    </row>
    <row r="1262" spans="1:7" x14ac:dyDescent="0.2">
      <c r="A1262" t="s">
        <v>6519</v>
      </c>
      <c r="B1262" t="s">
        <v>6520</v>
      </c>
      <c r="C1262" t="s">
        <v>6521</v>
      </c>
      <c r="D1262" t="s">
        <v>6522</v>
      </c>
      <c r="E1262" t="s">
        <v>11</v>
      </c>
      <c r="G1262" t="s">
        <v>6523</v>
      </c>
    </row>
    <row r="1263" spans="1:7" x14ac:dyDescent="0.2">
      <c r="A1263" t="s">
        <v>6524</v>
      </c>
      <c r="B1263" t="s">
        <v>6525</v>
      </c>
      <c r="C1263" t="s">
        <v>6526</v>
      </c>
      <c r="D1263" t="s">
        <v>6527</v>
      </c>
      <c r="E1263" t="s">
        <v>11</v>
      </c>
      <c r="G1263" t="s">
        <v>6528</v>
      </c>
    </row>
    <row r="1264" spans="1:7" x14ac:dyDescent="0.2">
      <c r="A1264" t="s">
        <v>6529</v>
      </c>
      <c r="B1264" t="s">
        <v>6530</v>
      </c>
      <c r="C1264" t="s">
        <v>6531</v>
      </c>
      <c r="D1264" t="s">
        <v>6532</v>
      </c>
      <c r="E1264" t="s">
        <v>17</v>
      </c>
      <c r="F1264" t="s">
        <v>756</v>
      </c>
      <c r="G1264" t="s">
        <v>6533</v>
      </c>
    </row>
    <row r="1265" spans="1:7" x14ac:dyDescent="0.2">
      <c r="A1265" t="s">
        <v>6534</v>
      </c>
      <c r="B1265" t="s">
        <v>6535</v>
      </c>
      <c r="C1265" t="s">
        <v>6536</v>
      </c>
      <c r="D1265" t="s">
        <v>6537</v>
      </c>
      <c r="E1265" t="s">
        <v>63</v>
      </c>
      <c r="F1265" t="s">
        <v>6538</v>
      </c>
      <c r="G1265" t="s">
        <v>6539</v>
      </c>
    </row>
    <row r="1266" spans="1:7" x14ac:dyDescent="0.2">
      <c r="A1266" t="s">
        <v>6540</v>
      </c>
      <c r="B1266" t="s">
        <v>6541</v>
      </c>
      <c r="C1266" t="s">
        <v>6542</v>
      </c>
      <c r="D1266" t="s">
        <v>6543</v>
      </c>
      <c r="E1266" t="s">
        <v>11</v>
      </c>
      <c r="G1266" t="s">
        <v>6544</v>
      </c>
    </row>
    <row r="1267" spans="1:7" x14ac:dyDescent="0.2">
      <c r="A1267" t="s">
        <v>6545</v>
      </c>
      <c r="B1267" t="s">
        <v>6546</v>
      </c>
      <c r="C1267" t="s">
        <v>6547</v>
      </c>
      <c r="D1267" t="s">
        <v>6548</v>
      </c>
      <c r="E1267" t="s">
        <v>11</v>
      </c>
      <c r="G1267" t="s">
        <v>6549</v>
      </c>
    </row>
    <row r="1268" spans="1:7" x14ac:dyDescent="0.2">
      <c r="A1268" t="s">
        <v>6550</v>
      </c>
      <c r="B1268" t="s">
        <v>6551</v>
      </c>
      <c r="C1268" t="s">
        <v>6552</v>
      </c>
      <c r="D1268" t="s">
        <v>6553</v>
      </c>
      <c r="E1268" t="s">
        <v>17</v>
      </c>
      <c r="F1268" t="s">
        <v>70</v>
      </c>
      <c r="G1268" t="s">
        <v>6554</v>
      </c>
    </row>
    <row r="1269" spans="1:7" x14ac:dyDescent="0.2">
      <c r="A1269" t="s">
        <v>6555</v>
      </c>
      <c r="B1269" t="s">
        <v>6556</v>
      </c>
      <c r="C1269" t="s">
        <v>6557</v>
      </c>
      <c r="D1269" t="s">
        <v>6558</v>
      </c>
      <c r="E1269" t="s">
        <v>11</v>
      </c>
      <c r="G1269" t="s">
        <v>6559</v>
      </c>
    </row>
    <row r="1270" spans="1:7" x14ac:dyDescent="0.2">
      <c r="A1270" t="s">
        <v>6560</v>
      </c>
      <c r="B1270" t="s">
        <v>6561</v>
      </c>
      <c r="C1270" t="s">
        <v>6562</v>
      </c>
      <c r="D1270" t="s">
        <v>6563</v>
      </c>
      <c r="E1270" t="s">
        <v>11</v>
      </c>
      <c r="G1270" t="s">
        <v>6564</v>
      </c>
    </row>
    <row r="1271" spans="1:7" x14ac:dyDescent="0.2">
      <c r="A1271" t="s">
        <v>6565</v>
      </c>
      <c r="B1271" t="s">
        <v>6566</v>
      </c>
      <c r="C1271" t="s">
        <v>6567</v>
      </c>
      <c r="D1271" t="s">
        <v>6568</v>
      </c>
      <c r="E1271" t="s">
        <v>17</v>
      </c>
      <c r="F1271" t="s">
        <v>6569</v>
      </c>
      <c r="G1271" t="s">
        <v>6570</v>
      </c>
    </row>
    <row r="1272" spans="1:7" x14ac:dyDescent="0.2">
      <c r="A1272" t="s">
        <v>6571</v>
      </c>
      <c r="B1272" t="s">
        <v>6572</v>
      </c>
      <c r="C1272" t="s">
        <v>6573</v>
      </c>
      <c r="D1272" t="s">
        <v>6574</v>
      </c>
      <c r="E1272" t="s">
        <v>17</v>
      </c>
      <c r="F1272" t="s">
        <v>6575</v>
      </c>
      <c r="G1272" t="s">
        <v>6576</v>
      </c>
    </row>
    <row r="1273" spans="1:7" x14ac:dyDescent="0.2">
      <c r="A1273" t="s">
        <v>6577</v>
      </c>
      <c r="B1273" t="s">
        <v>6578</v>
      </c>
      <c r="C1273" t="s">
        <v>6579</v>
      </c>
      <c r="D1273" t="s">
        <v>6580</v>
      </c>
      <c r="E1273" t="s">
        <v>17</v>
      </c>
      <c r="F1273" t="s">
        <v>1161</v>
      </c>
      <c r="G1273" t="s">
        <v>6581</v>
      </c>
    </row>
    <row r="1274" spans="1:7" x14ac:dyDescent="0.2">
      <c r="A1274" t="s">
        <v>6582</v>
      </c>
      <c r="B1274" t="s">
        <v>6583</v>
      </c>
      <c r="C1274" t="s">
        <v>6584</v>
      </c>
      <c r="D1274" t="s">
        <v>6585</v>
      </c>
      <c r="E1274" t="s">
        <v>17</v>
      </c>
      <c r="F1274" t="s">
        <v>6586</v>
      </c>
      <c r="G1274" t="s">
        <v>6587</v>
      </c>
    </row>
    <row r="1275" spans="1:7" x14ac:dyDescent="0.2">
      <c r="A1275" t="s">
        <v>6588</v>
      </c>
      <c r="B1275" t="s">
        <v>6589</v>
      </c>
      <c r="C1275" t="s">
        <v>6590</v>
      </c>
      <c r="D1275" t="s">
        <v>6591</v>
      </c>
      <c r="E1275" t="s">
        <v>11</v>
      </c>
      <c r="G1275" t="s">
        <v>6592</v>
      </c>
    </row>
    <row r="1276" spans="1:7" x14ac:dyDescent="0.2">
      <c r="A1276" t="s">
        <v>6593</v>
      </c>
      <c r="B1276" t="s">
        <v>6594</v>
      </c>
      <c r="C1276" t="s">
        <v>6595</v>
      </c>
      <c r="D1276" t="s">
        <v>6596</v>
      </c>
      <c r="E1276" t="s">
        <v>11</v>
      </c>
      <c r="G1276" t="s">
        <v>6597</v>
      </c>
    </row>
    <row r="1277" spans="1:7" x14ac:dyDescent="0.2">
      <c r="A1277" t="s">
        <v>6598</v>
      </c>
      <c r="B1277" t="s">
        <v>6599</v>
      </c>
      <c r="C1277" t="s">
        <v>6600</v>
      </c>
      <c r="D1277" t="s">
        <v>6601</v>
      </c>
      <c r="E1277" t="s">
        <v>11</v>
      </c>
      <c r="G1277" t="s">
        <v>6602</v>
      </c>
    </row>
    <row r="1278" spans="1:7" x14ac:dyDescent="0.2">
      <c r="A1278" t="s">
        <v>6603</v>
      </c>
      <c r="B1278" t="s">
        <v>6604</v>
      </c>
      <c r="C1278" t="s">
        <v>6605</v>
      </c>
      <c r="D1278" t="s">
        <v>6606</v>
      </c>
      <c r="E1278" t="s">
        <v>287</v>
      </c>
      <c r="F1278" t="s">
        <v>527</v>
      </c>
      <c r="G1278" t="s">
        <v>6607</v>
      </c>
    </row>
    <row r="1279" spans="1:7" x14ac:dyDescent="0.2">
      <c r="A1279" t="s">
        <v>6608</v>
      </c>
      <c r="B1279" t="s">
        <v>6609</v>
      </c>
      <c r="C1279" t="s">
        <v>6610</v>
      </c>
      <c r="D1279" t="s">
        <v>6611</v>
      </c>
      <c r="E1279" t="s">
        <v>11</v>
      </c>
      <c r="G1279" t="s">
        <v>6612</v>
      </c>
    </row>
    <row r="1280" spans="1:7" x14ac:dyDescent="0.2">
      <c r="A1280" t="s">
        <v>6613</v>
      </c>
      <c r="B1280" t="s">
        <v>6614</v>
      </c>
      <c r="C1280" t="s">
        <v>6615</v>
      </c>
      <c r="D1280" t="s">
        <v>6616</v>
      </c>
      <c r="E1280" t="s">
        <v>11</v>
      </c>
      <c r="G1280" t="s">
        <v>6617</v>
      </c>
    </row>
    <row r="1281" spans="1:7" x14ac:dyDescent="0.2">
      <c r="A1281" t="s">
        <v>6618</v>
      </c>
      <c r="B1281" t="s">
        <v>6619</v>
      </c>
      <c r="C1281" t="s">
        <v>6620</v>
      </c>
      <c r="D1281" t="s">
        <v>6621</v>
      </c>
      <c r="E1281" t="s">
        <v>11</v>
      </c>
      <c r="G1281" t="s">
        <v>6622</v>
      </c>
    </row>
    <row r="1282" spans="1:7" x14ac:dyDescent="0.2">
      <c r="A1282" t="s">
        <v>6623</v>
      </c>
      <c r="B1282" t="s">
        <v>6624</v>
      </c>
      <c r="C1282" t="s">
        <v>6625</v>
      </c>
      <c r="D1282" t="s">
        <v>6626</v>
      </c>
      <c r="E1282" t="s">
        <v>17</v>
      </c>
      <c r="F1282" t="s">
        <v>6627</v>
      </c>
      <c r="G1282" t="s">
        <v>6628</v>
      </c>
    </row>
    <row r="1283" spans="1:7" x14ac:dyDescent="0.2">
      <c r="A1283" t="s">
        <v>6629</v>
      </c>
      <c r="B1283" t="s">
        <v>6630</v>
      </c>
      <c r="C1283" t="s">
        <v>6631</v>
      </c>
      <c r="D1283" t="s">
        <v>6632</v>
      </c>
      <c r="E1283" t="s">
        <v>11</v>
      </c>
      <c r="G1283" t="s">
        <v>6633</v>
      </c>
    </row>
    <row r="1284" spans="1:7" x14ac:dyDescent="0.2">
      <c r="A1284" t="s">
        <v>6634</v>
      </c>
      <c r="B1284" t="s">
        <v>6635</v>
      </c>
      <c r="C1284" t="s">
        <v>6636</v>
      </c>
      <c r="D1284" t="s">
        <v>6637</v>
      </c>
      <c r="E1284" t="s">
        <v>11</v>
      </c>
      <c r="G1284" t="s">
        <v>6638</v>
      </c>
    </row>
    <row r="1285" spans="1:7" x14ac:dyDescent="0.2">
      <c r="A1285" t="s">
        <v>6639</v>
      </c>
      <c r="B1285" t="s">
        <v>6640</v>
      </c>
      <c r="C1285" t="s">
        <v>6641</v>
      </c>
      <c r="D1285" t="s">
        <v>6642</v>
      </c>
      <c r="E1285" t="s">
        <v>17</v>
      </c>
      <c r="F1285" t="s">
        <v>6643</v>
      </c>
      <c r="G1285" t="s">
        <v>6644</v>
      </c>
    </row>
    <row r="1286" spans="1:7" x14ac:dyDescent="0.2">
      <c r="A1286" t="s">
        <v>6645</v>
      </c>
      <c r="B1286" t="s">
        <v>6646</v>
      </c>
      <c r="C1286" t="s">
        <v>6647</v>
      </c>
      <c r="D1286" t="s">
        <v>6648</v>
      </c>
      <c r="E1286" t="s">
        <v>63</v>
      </c>
      <c r="F1286" t="s">
        <v>6649</v>
      </c>
      <c r="G1286" t="s">
        <v>6650</v>
      </c>
    </row>
    <row r="1287" spans="1:7" x14ac:dyDescent="0.2">
      <c r="A1287" t="s">
        <v>6651</v>
      </c>
      <c r="B1287" t="s">
        <v>6652</v>
      </c>
      <c r="C1287" t="s">
        <v>6653</v>
      </c>
      <c r="D1287" t="s">
        <v>6654</v>
      </c>
      <c r="E1287" t="s">
        <v>11</v>
      </c>
      <c r="G1287" t="s">
        <v>6655</v>
      </c>
    </row>
    <row r="1288" spans="1:7" x14ac:dyDescent="0.2">
      <c r="A1288" t="s">
        <v>6656</v>
      </c>
      <c r="B1288" t="s">
        <v>6657</v>
      </c>
      <c r="C1288" t="s">
        <v>6658</v>
      </c>
      <c r="D1288" t="s">
        <v>6659</v>
      </c>
      <c r="E1288" t="s">
        <v>11</v>
      </c>
      <c r="G1288" t="s">
        <v>6660</v>
      </c>
    </row>
    <row r="1289" spans="1:7" x14ac:dyDescent="0.2">
      <c r="A1289" t="s">
        <v>6661</v>
      </c>
      <c r="B1289" t="s">
        <v>6662</v>
      </c>
      <c r="C1289" t="s">
        <v>6663</v>
      </c>
      <c r="D1289" t="s">
        <v>6664</v>
      </c>
      <c r="E1289" t="s">
        <v>11</v>
      </c>
      <c r="G1289" t="s">
        <v>6665</v>
      </c>
    </row>
    <row r="1290" spans="1:7" x14ac:dyDescent="0.2">
      <c r="A1290" t="s">
        <v>6666</v>
      </c>
      <c r="B1290" t="s">
        <v>6667</v>
      </c>
      <c r="C1290" t="s">
        <v>6668</v>
      </c>
      <c r="D1290" t="s">
        <v>6669</v>
      </c>
      <c r="E1290" t="s">
        <v>17</v>
      </c>
      <c r="F1290" t="s">
        <v>6670</v>
      </c>
      <c r="G1290" t="s">
        <v>6671</v>
      </c>
    </row>
    <row r="1291" spans="1:7" x14ac:dyDescent="0.2">
      <c r="A1291" t="s">
        <v>6672</v>
      </c>
      <c r="B1291" t="s">
        <v>6673</v>
      </c>
      <c r="C1291" t="s">
        <v>6674</v>
      </c>
      <c r="D1291" t="s">
        <v>6675</v>
      </c>
      <c r="E1291" t="s">
        <v>17</v>
      </c>
      <c r="F1291" t="s">
        <v>6670</v>
      </c>
      <c r="G1291" t="s">
        <v>6676</v>
      </c>
    </row>
    <row r="1292" spans="1:7" x14ac:dyDescent="0.2">
      <c r="A1292" t="s">
        <v>6677</v>
      </c>
      <c r="B1292" t="s">
        <v>6678</v>
      </c>
      <c r="C1292" t="s">
        <v>6679</v>
      </c>
      <c r="D1292" t="s">
        <v>6680</v>
      </c>
      <c r="E1292" t="s">
        <v>11</v>
      </c>
      <c r="G1292" t="s">
        <v>6681</v>
      </c>
    </row>
    <row r="1293" spans="1:7" x14ac:dyDescent="0.2">
      <c r="A1293" t="s">
        <v>6682</v>
      </c>
      <c r="B1293" t="s">
        <v>6683</v>
      </c>
      <c r="C1293" t="s">
        <v>6684</v>
      </c>
      <c r="D1293" t="s">
        <v>6685</v>
      </c>
      <c r="E1293" t="s">
        <v>287</v>
      </c>
      <c r="F1293" t="s">
        <v>332</v>
      </c>
      <c r="G1293" t="s">
        <v>6686</v>
      </c>
    </row>
    <row r="1294" spans="1:7" x14ac:dyDescent="0.2">
      <c r="A1294" t="s">
        <v>6687</v>
      </c>
      <c r="B1294" t="s">
        <v>6688</v>
      </c>
      <c r="C1294" t="s">
        <v>6689</v>
      </c>
      <c r="D1294" t="s">
        <v>6690</v>
      </c>
      <c r="E1294" t="s">
        <v>11</v>
      </c>
      <c r="G1294" t="s">
        <v>6691</v>
      </c>
    </row>
    <row r="1295" spans="1:7" x14ac:dyDescent="0.2">
      <c r="A1295" t="s">
        <v>6692</v>
      </c>
      <c r="B1295" t="s">
        <v>6693</v>
      </c>
      <c r="C1295" t="s">
        <v>6694</v>
      </c>
      <c r="D1295" t="s">
        <v>6695</v>
      </c>
      <c r="E1295" t="s">
        <v>11</v>
      </c>
      <c r="G1295" t="s">
        <v>6696</v>
      </c>
    </row>
    <row r="1296" spans="1:7" x14ac:dyDescent="0.2">
      <c r="A1296" t="s">
        <v>6697</v>
      </c>
      <c r="B1296" t="s">
        <v>6698</v>
      </c>
      <c r="C1296" t="s">
        <v>6699</v>
      </c>
      <c r="D1296" t="s">
        <v>6700</v>
      </c>
      <c r="E1296" t="s">
        <v>11</v>
      </c>
      <c r="G1296" t="s">
        <v>6701</v>
      </c>
    </row>
    <row r="1297" spans="1:7" x14ac:dyDescent="0.2">
      <c r="A1297" t="s">
        <v>6702</v>
      </c>
      <c r="B1297" t="s">
        <v>6703</v>
      </c>
      <c r="C1297" t="s">
        <v>6704</v>
      </c>
      <c r="D1297" t="s">
        <v>6705</v>
      </c>
      <c r="E1297" t="s">
        <v>11</v>
      </c>
      <c r="G1297" t="s">
        <v>6706</v>
      </c>
    </row>
    <row r="1298" spans="1:7" x14ac:dyDescent="0.2">
      <c r="A1298" t="s">
        <v>6707</v>
      </c>
      <c r="B1298" t="s">
        <v>6708</v>
      </c>
      <c r="C1298" t="s">
        <v>6709</v>
      </c>
      <c r="D1298" t="s">
        <v>6710</v>
      </c>
      <c r="E1298" t="s">
        <v>11</v>
      </c>
      <c r="G1298" t="s">
        <v>6711</v>
      </c>
    </row>
    <row r="1299" spans="1:7" x14ac:dyDescent="0.2">
      <c r="A1299" t="s">
        <v>6712</v>
      </c>
      <c r="B1299" t="s">
        <v>6713</v>
      </c>
      <c r="C1299" t="s">
        <v>6714</v>
      </c>
      <c r="D1299" t="s">
        <v>6715</v>
      </c>
      <c r="E1299" t="s">
        <v>11</v>
      </c>
      <c r="G1299" t="s">
        <v>6716</v>
      </c>
    </row>
    <row r="1300" spans="1:7" x14ac:dyDescent="0.2">
      <c r="A1300" t="s">
        <v>6717</v>
      </c>
      <c r="B1300" t="s">
        <v>6718</v>
      </c>
      <c r="C1300" t="s">
        <v>6719</v>
      </c>
      <c r="D1300" t="s">
        <v>6720</v>
      </c>
      <c r="E1300" t="s">
        <v>11</v>
      </c>
      <c r="G1300" t="s">
        <v>6721</v>
      </c>
    </row>
    <row r="1301" spans="1:7" x14ac:dyDescent="0.2">
      <c r="A1301" t="s">
        <v>6722</v>
      </c>
      <c r="B1301" t="s">
        <v>6723</v>
      </c>
      <c r="C1301" t="s">
        <v>6724</v>
      </c>
      <c r="D1301" t="s">
        <v>6725</v>
      </c>
      <c r="E1301" t="s">
        <v>11</v>
      </c>
      <c r="G1301" t="s">
        <v>6726</v>
      </c>
    </row>
    <row r="1302" spans="1:7" x14ac:dyDescent="0.2">
      <c r="A1302" t="s">
        <v>6727</v>
      </c>
      <c r="B1302" t="s">
        <v>6728</v>
      </c>
      <c r="C1302" t="s">
        <v>6729</v>
      </c>
      <c r="D1302" t="s">
        <v>6730</v>
      </c>
      <c r="E1302" t="s">
        <v>17</v>
      </c>
      <c r="F1302" t="s">
        <v>6731</v>
      </c>
      <c r="G1302" t="s">
        <v>6732</v>
      </c>
    </row>
    <row r="1303" spans="1:7" x14ac:dyDescent="0.2">
      <c r="A1303" t="s">
        <v>6733</v>
      </c>
      <c r="B1303" t="s">
        <v>6734</v>
      </c>
      <c r="C1303" t="s">
        <v>6735</v>
      </c>
      <c r="D1303" t="s">
        <v>6736</v>
      </c>
      <c r="E1303" t="s">
        <v>17</v>
      </c>
      <c r="F1303" t="s">
        <v>18</v>
      </c>
      <c r="G1303" t="s">
        <v>6737</v>
      </c>
    </row>
    <row r="1304" spans="1:7" x14ac:dyDescent="0.2">
      <c r="A1304" t="s">
        <v>6738</v>
      </c>
      <c r="B1304" t="s">
        <v>6739</v>
      </c>
      <c r="C1304" t="s">
        <v>6740</v>
      </c>
      <c r="D1304" t="s">
        <v>6741</v>
      </c>
      <c r="E1304" t="s">
        <v>17</v>
      </c>
      <c r="F1304" t="s">
        <v>6742</v>
      </c>
      <c r="G1304" t="s">
        <v>6743</v>
      </c>
    </row>
    <row r="1305" spans="1:7" x14ac:dyDescent="0.2">
      <c r="A1305" t="s">
        <v>6744</v>
      </c>
      <c r="B1305" t="s">
        <v>6745</v>
      </c>
      <c r="C1305" t="s">
        <v>6746</v>
      </c>
      <c r="D1305" t="s">
        <v>6747</v>
      </c>
      <c r="E1305" t="s">
        <v>11</v>
      </c>
      <c r="G1305" t="s">
        <v>6748</v>
      </c>
    </row>
    <row r="1306" spans="1:7" x14ac:dyDescent="0.2">
      <c r="A1306" t="s">
        <v>6749</v>
      </c>
      <c r="B1306" t="s">
        <v>6750</v>
      </c>
      <c r="C1306" t="s">
        <v>6751</v>
      </c>
      <c r="D1306" t="s">
        <v>6752</v>
      </c>
      <c r="E1306" t="s">
        <v>17</v>
      </c>
      <c r="F1306" t="s">
        <v>70</v>
      </c>
      <c r="G1306" t="s">
        <v>6753</v>
      </c>
    </row>
    <row r="1307" spans="1:7" x14ac:dyDescent="0.2">
      <c r="A1307" t="s">
        <v>6754</v>
      </c>
      <c r="B1307" t="s">
        <v>6755</v>
      </c>
      <c r="C1307" t="s">
        <v>6756</v>
      </c>
      <c r="D1307" t="s">
        <v>6757</v>
      </c>
      <c r="E1307" t="s">
        <v>11</v>
      </c>
      <c r="G1307" t="s">
        <v>6758</v>
      </c>
    </row>
    <row r="1308" spans="1:7" x14ac:dyDescent="0.2">
      <c r="A1308" t="s">
        <v>6759</v>
      </c>
      <c r="B1308" t="s">
        <v>6760</v>
      </c>
      <c r="C1308" t="s">
        <v>6761</v>
      </c>
      <c r="D1308" t="s">
        <v>6762</v>
      </c>
      <c r="E1308" t="s">
        <v>17</v>
      </c>
      <c r="F1308" t="s">
        <v>29</v>
      </c>
      <c r="G1308" t="s">
        <v>6763</v>
      </c>
    </row>
    <row r="1309" spans="1:7" x14ac:dyDescent="0.2">
      <c r="A1309" t="s">
        <v>6764</v>
      </c>
      <c r="B1309" t="s">
        <v>6765</v>
      </c>
      <c r="C1309" t="s">
        <v>6766</v>
      </c>
      <c r="D1309" t="s">
        <v>6767</v>
      </c>
      <c r="E1309" t="s">
        <v>11</v>
      </c>
      <c r="G1309" t="s">
        <v>6768</v>
      </c>
    </row>
    <row r="1310" spans="1:7" x14ac:dyDescent="0.2">
      <c r="A1310" t="s">
        <v>6769</v>
      </c>
      <c r="B1310" t="s">
        <v>6770</v>
      </c>
      <c r="C1310" t="s">
        <v>6771</v>
      </c>
      <c r="D1310" t="s">
        <v>6772</v>
      </c>
      <c r="E1310" t="s">
        <v>17</v>
      </c>
      <c r="F1310" t="s">
        <v>70</v>
      </c>
      <c r="G1310" t="s">
        <v>6773</v>
      </c>
    </row>
    <row r="1311" spans="1:7" x14ac:dyDescent="0.2">
      <c r="A1311" t="s">
        <v>6774</v>
      </c>
      <c r="B1311" t="s">
        <v>6775</v>
      </c>
      <c r="C1311" t="s">
        <v>6776</v>
      </c>
      <c r="D1311" t="s">
        <v>6777</v>
      </c>
      <c r="E1311" t="s">
        <v>11</v>
      </c>
      <c r="G1311" t="s">
        <v>6778</v>
      </c>
    </row>
    <row r="1312" spans="1:7" x14ac:dyDescent="0.2">
      <c r="A1312" t="s">
        <v>6779</v>
      </c>
      <c r="B1312" t="s">
        <v>6780</v>
      </c>
      <c r="C1312" t="s">
        <v>6781</v>
      </c>
      <c r="D1312" t="s">
        <v>6782</v>
      </c>
      <c r="E1312" t="s">
        <v>11</v>
      </c>
      <c r="G1312" t="s">
        <v>6783</v>
      </c>
    </row>
    <row r="1313" spans="1:7" x14ac:dyDescent="0.2">
      <c r="A1313" t="s">
        <v>6784</v>
      </c>
      <c r="B1313" t="s">
        <v>6785</v>
      </c>
      <c r="C1313" t="s">
        <v>6786</v>
      </c>
      <c r="D1313" t="s">
        <v>6787</v>
      </c>
      <c r="E1313" t="s">
        <v>17</v>
      </c>
      <c r="F1313" t="s">
        <v>1639</v>
      </c>
      <c r="G1313" t="s">
        <v>6788</v>
      </c>
    </row>
    <row r="1314" spans="1:7" x14ac:dyDescent="0.2">
      <c r="A1314" t="s">
        <v>6789</v>
      </c>
      <c r="B1314" t="s">
        <v>6790</v>
      </c>
      <c r="C1314" t="s">
        <v>6791</v>
      </c>
      <c r="D1314" t="s">
        <v>6792</v>
      </c>
      <c r="E1314" t="s">
        <v>287</v>
      </c>
      <c r="F1314" t="s">
        <v>527</v>
      </c>
      <c r="G1314" t="s">
        <v>6793</v>
      </c>
    </row>
    <row r="1315" spans="1:7" x14ac:dyDescent="0.2">
      <c r="A1315" t="s">
        <v>6794</v>
      </c>
      <c r="B1315" t="s">
        <v>6795</v>
      </c>
      <c r="C1315" t="s">
        <v>6796</v>
      </c>
      <c r="D1315" t="s">
        <v>6797</v>
      </c>
      <c r="E1315" t="s">
        <v>287</v>
      </c>
      <c r="F1315" t="s">
        <v>288</v>
      </c>
      <c r="G1315" t="s">
        <v>6798</v>
      </c>
    </row>
    <row r="1316" spans="1:7" x14ac:dyDescent="0.2">
      <c r="A1316" t="s">
        <v>6799</v>
      </c>
      <c r="B1316" t="s">
        <v>6800</v>
      </c>
      <c r="C1316" t="s">
        <v>6801</v>
      </c>
      <c r="D1316" t="s">
        <v>6802</v>
      </c>
      <c r="E1316" t="s">
        <v>11</v>
      </c>
      <c r="G1316" t="s">
        <v>6803</v>
      </c>
    </row>
    <row r="1317" spans="1:7" x14ac:dyDescent="0.2">
      <c r="A1317" t="s">
        <v>6804</v>
      </c>
      <c r="B1317" t="s">
        <v>6805</v>
      </c>
      <c r="C1317" t="s">
        <v>6806</v>
      </c>
      <c r="D1317" t="s">
        <v>6807</v>
      </c>
      <c r="E1317" t="s">
        <v>11</v>
      </c>
      <c r="G1317" t="s">
        <v>6808</v>
      </c>
    </row>
    <row r="1318" spans="1:7" x14ac:dyDescent="0.2">
      <c r="A1318" t="s">
        <v>6809</v>
      </c>
      <c r="B1318" t="s">
        <v>6810</v>
      </c>
      <c r="C1318" t="s">
        <v>6811</v>
      </c>
      <c r="D1318" t="s">
        <v>6812</v>
      </c>
      <c r="E1318" t="s">
        <v>17</v>
      </c>
      <c r="F1318" t="s">
        <v>6813</v>
      </c>
      <c r="G1318" t="s">
        <v>6814</v>
      </c>
    </row>
    <row r="1319" spans="1:7" x14ac:dyDescent="0.2">
      <c r="A1319" t="s">
        <v>6815</v>
      </c>
      <c r="B1319" t="s">
        <v>6816</v>
      </c>
      <c r="C1319" t="s">
        <v>6817</v>
      </c>
      <c r="D1319" t="s">
        <v>6818</v>
      </c>
      <c r="E1319" t="s">
        <v>11</v>
      </c>
      <c r="G1319" t="s">
        <v>6819</v>
      </c>
    </row>
    <row r="1320" spans="1:7" x14ac:dyDescent="0.2">
      <c r="A1320" t="s">
        <v>6820</v>
      </c>
      <c r="B1320" t="s">
        <v>6821</v>
      </c>
      <c r="C1320" t="s">
        <v>6822</v>
      </c>
      <c r="D1320" t="s">
        <v>6823</v>
      </c>
      <c r="E1320" t="s">
        <v>11</v>
      </c>
      <c r="G1320" t="s">
        <v>6824</v>
      </c>
    </row>
    <row r="1321" spans="1:7" x14ac:dyDescent="0.2">
      <c r="A1321" t="s">
        <v>6825</v>
      </c>
      <c r="B1321" t="s">
        <v>6826</v>
      </c>
      <c r="C1321" t="s">
        <v>6827</v>
      </c>
      <c r="D1321" t="s">
        <v>6828</v>
      </c>
      <c r="E1321" t="s">
        <v>287</v>
      </c>
      <c r="F1321" t="s">
        <v>1628</v>
      </c>
      <c r="G1321" t="s">
        <v>6829</v>
      </c>
    </row>
    <row r="1322" spans="1:7" x14ac:dyDescent="0.2">
      <c r="A1322" t="s">
        <v>6830</v>
      </c>
      <c r="B1322" t="s">
        <v>6831</v>
      </c>
      <c r="C1322" t="s">
        <v>6832</v>
      </c>
      <c r="D1322" t="s">
        <v>6833</v>
      </c>
      <c r="E1322" t="s">
        <v>11</v>
      </c>
      <c r="G1322" t="s">
        <v>6834</v>
      </c>
    </row>
    <row r="1323" spans="1:7" x14ac:dyDescent="0.2">
      <c r="A1323" t="s">
        <v>6835</v>
      </c>
      <c r="B1323" t="s">
        <v>6836</v>
      </c>
      <c r="C1323" t="s">
        <v>6837</v>
      </c>
      <c r="D1323" t="s">
        <v>6838</v>
      </c>
      <c r="E1323" t="s">
        <v>11</v>
      </c>
      <c r="G1323" t="s">
        <v>6839</v>
      </c>
    </row>
    <row r="1324" spans="1:7" x14ac:dyDescent="0.2">
      <c r="A1324" t="s">
        <v>6840</v>
      </c>
      <c r="B1324" t="s">
        <v>6841</v>
      </c>
      <c r="C1324" t="s">
        <v>6842</v>
      </c>
      <c r="D1324" t="s">
        <v>6843</v>
      </c>
      <c r="E1324" t="s">
        <v>11</v>
      </c>
      <c r="G1324" t="s">
        <v>6844</v>
      </c>
    </row>
    <row r="1325" spans="1:7" x14ac:dyDescent="0.2">
      <c r="A1325" t="s">
        <v>6845</v>
      </c>
      <c r="B1325" t="s">
        <v>6846</v>
      </c>
      <c r="C1325" t="s">
        <v>6847</v>
      </c>
      <c r="D1325" t="s">
        <v>6848</v>
      </c>
      <c r="E1325" t="s">
        <v>11</v>
      </c>
      <c r="G1325" t="s">
        <v>6849</v>
      </c>
    </row>
    <row r="1326" spans="1:7" x14ac:dyDescent="0.2">
      <c r="A1326" t="s">
        <v>6850</v>
      </c>
      <c r="B1326" t="s">
        <v>6851</v>
      </c>
      <c r="C1326" t="s">
        <v>6852</v>
      </c>
      <c r="D1326" t="s">
        <v>6853</v>
      </c>
      <c r="E1326" t="s">
        <v>11</v>
      </c>
      <c r="G1326" t="s">
        <v>6854</v>
      </c>
    </row>
    <row r="1327" spans="1:7" x14ac:dyDescent="0.2">
      <c r="A1327" t="s">
        <v>6855</v>
      </c>
      <c r="B1327" t="s">
        <v>6856</v>
      </c>
      <c r="C1327" t="s">
        <v>6857</v>
      </c>
      <c r="D1327" t="s">
        <v>6858</v>
      </c>
      <c r="E1327" t="s">
        <v>11</v>
      </c>
      <c r="G1327" t="s">
        <v>6859</v>
      </c>
    </row>
    <row r="1328" spans="1:7" x14ac:dyDescent="0.2">
      <c r="A1328" t="s">
        <v>6860</v>
      </c>
      <c r="B1328" t="s">
        <v>6861</v>
      </c>
      <c r="C1328" t="s">
        <v>6862</v>
      </c>
      <c r="D1328" t="s">
        <v>6863</v>
      </c>
      <c r="E1328" t="s">
        <v>17</v>
      </c>
      <c r="F1328" t="s">
        <v>6864</v>
      </c>
      <c r="G1328" t="s">
        <v>6865</v>
      </c>
    </row>
    <row r="1329" spans="1:7" x14ac:dyDescent="0.2">
      <c r="A1329" t="s">
        <v>6866</v>
      </c>
      <c r="B1329" t="s">
        <v>6867</v>
      </c>
      <c r="C1329" t="s">
        <v>6868</v>
      </c>
      <c r="D1329" t="s">
        <v>6869</v>
      </c>
      <c r="E1329" t="s">
        <v>11</v>
      </c>
      <c r="G1329" t="s">
        <v>6870</v>
      </c>
    </row>
    <row r="1330" spans="1:7" x14ac:dyDescent="0.2">
      <c r="A1330" t="s">
        <v>6871</v>
      </c>
      <c r="B1330" t="s">
        <v>6872</v>
      </c>
      <c r="C1330" t="s">
        <v>6873</v>
      </c>
      <c r="D1330" t="s">
        <v>6874</v>
      </c>
      <c r="E1330" t="s">
        <v>11</v>
      </c>
      <c r="G1330" t="s">
        <v>6875</v>
      </c>
    </row>
    <row r="1331" spans="1:7" x14ac:dyDescent="0.2">
      <c r="A1331" t="s">
        <v>6876</v>
      </c>
      <c r="B1331" t="s">
        <v>6877</v>
      </c>
      <c r="C1331" t="s">
        <v>6878</v>
      </c>
      <c r="D1331" t="s">
        <v>6879</v>
      </c>
      <c r="E1331" t="s">
        <v>17</v>
      </c>
      <c r="F1331" t="s">
        <v>98</v>
      </c>
      <c r="G1331" t="s">
        <v>6880</v>
      </c>
    </row>
    <row r="1332" spans="1:7" x14ac:dyDescent="0.2">
      <c r="A1332" t="s">
        <v>6881</v>
      </c>
      <c r="B1332" t="s">
        <v>6882</v>
      </c>
      <c r="C1332" t="s">
        <v>6883</v>
      </c>
      <c r="D1332" t="s">
        <v>6884</v>
      </c>
      <c r="E1332" t="s">
        <v>11</v>
      </c>
      <c r="G1332" t="s">
        <v>6885</v>
      </c>
    </row>
    <row r="1333" spans="1:7" x14ac:dyDescent="0.2">
      <c r="A1333" t="s">
        <v>6886</v>
      </c>
      <c r="B1333" t="s">
        <v>6887</v>
      </c>
      <c r="C1333" t="s">
        <v>6888</v>
      </c>
      <c r="D1333" t="s">
        <v>6889</v>
      </c>
      <c r="E1333" t="s">
        <v>11</v>
      </c>
      <c r="G1333" t="s">
        <v>6890</v>
      </c>
    </row>
    <row r="1334" spans="1:7" x14ac:dyDescent="0.2">
      <c r="A1334" t="s">
        <v>6891</v>
      </c>
      <c r="B1334" t="s">
        <v>6892</v>
      </c>
      <c r="C1334" t="s">
        <v>6893</v>
      </c>
      <c r="D1334" t="s">
        <v>6894</v>
      </c>
      <c r="E1334" t="s">
        <v>17</v>
      </c>
      <c r="F1334" t="s">
        <v>310</v>
      </c>
      <c r="G1334" t="s">
        <v>6895</v>
      </c>
    </row>
    <row r="1335" spans="1:7" x14ac:dyDescent="0.2">
      <c r="A1335" t="s">
        <v>6896</v>
      </c>
      <c r="B1335" t="s">
        <v>6897</v>
      </c>
      <c r="C1335" t="s">
        <v>6898</v>
      </c>
      <c r="D1335" t="s">
        <v>6899</v>
      </c>
      <c r="E1335" t="s">
        <v>11</v>
      </c>
      <c r="G1335" t="s">
        <v>6900</v>
      </c>
    </row>
    <row r="1336" spans="1:7" x14ac:dyDescent="0.2">
      <c r="A1336" t="s">
        <v>6901</v>
      </c>
      <c r="B1336" t="s">
        <v>6902</v>
      </c>
      <c r="C1336" t="s">
        <v>6903</v>
      </c>
      <c r="D1336" t="s">
        <v>6904</v>
      </c>
      <c r="E1336" t="s">
        <v>11</v>
      </c>
      <c r="G1336" t="s">
        <v>6905</v>
      </c>
    </row>
    <row r="1337" spans="1:7" x14ac:dyDescent="0.2">
      <c r="A1337" t="s">
        <v>6906</v>
      </c>
      <c r="B1337" t="s">
        <v>6907</v>
      </c>
      <c r="C1337" t="s">
        <v>6908</v>
      </c>
      <c r="D1337" t="s">
        <v>6909</v>
      </c>
      <c r="E1337" t="s">
        <v>17</v>
      </c>
      <c r="F1337" t="s">
        <v>6910</v>
      </c>
      <c r="G1337" t="s">
        <v>6911</v>
      </c>
    </row>
    <row r="1338" spans="1:7" x14ac:dyDescent="0.2">
      <c r="A1338" t="s">
        <v>6912</v>
      </c>
      <c r="B1338" t="s">
        <v>6913</v>
      </c>
      <c r="C1338" t="s">
        <v>6914</v>
      </c>
      <c r="D1338" t="s">
        <v>6915</v>
      </c>
      <c r="E1338" t="s">
        <v>11</v>
      </c>
      <c r="G1338" t="s">
        <v>6916</v>
      </c>
    </row>
    <row r="1339" spans="1:7" x14ac:dyDescent="0.2">
      <c r="A1339" t="s">
        <v>6917</v>
      </c>
      <c r="B1339" t="s">
        <v>6918</v>
      </c>
      <c r="C1339" t="s">
        <v>6919</v>
      </c>
      <c r="D1339" t="s">
        <v>6920</v>
      </c>
      <c r="E1339" t="s">
        <v>17</v>
      </c>
      <c r="F1339" t="s">
        <v>6921</v>
      </c>
      <c r="G1339" t="s">
        <v>6922</v>
      </c>
    </row>
    <row r="1340" spans="1:7" x14ac:dyDescent="0.2">
      <c r="A1340" t="s">
        <v>6923</v>
      </c>
      <c r="B1340" t="s">
        <v>6924</v>
      </c>
      <c r="C1340" t="s">
        <v>6925</v>
      </c>
      <c r="D1340" t="s">
        <v>6926</v>
      </c>
      <c r="E1340" t="s">
        <v>11</v>
      </c>
      <c r="G1340" t="s">
        <v>6927</v>
      </c>
    </row>
    <row r="1341" spans="1:7" x14ac:dyDescent="0.2">
      <c r="A1341" t="s">
        <v>6928</v>
      </c>
      <c r="B1341" t="s">
        <v>6929</v>
      </c>
      <c r="C1341" t="s">
        <v>6930</v>
      </c>
      <c r="D1341" t="s">
        <v>6931</v>
      </c>
      <c r="E1341" t="s">
        <v>17</v>
      </c>
      <c r="F1341" t="s">
        <v>2410</v>
      </c>
      <c r="G1341" t="s">
        <v>6932</v>
      </c>
    </row>
    <row r="1342" spans="1:7" x14ac:dyDescent="0.2">
      <c r="A1342" t="s">
        <v>6933</v>
      </c>
      <c r="B1342" t="s">
        <v>6934</v>
      </c>
      <c r="C1342" t="s">
        <v>6935</v>
      </c>
      <c r="D1342" t="s">
        <v>6936</v>
      </c>
      <c r="E1342" t="s">
        <v>17</v>
      </c>
      <c r="F1342" t="s">
        <v>45</v>
      </c>
      <c r="G1342" t="s">
        <v>6937</v>
      </c>
    </row>
    <row r="1343" spans="1:7" x14ac:dyDescent="0.2">
      <c r="A1343" t="s">
        <v>6938</v>
      </c>
      <c r="B1343" t="s">
        <v>6939</v>
      </c>
      <c r="C1343" t="s">
        <v>6940</v>
      </c>
      <c r="D1343" t="s">
        <v>6941</v>
      </c>
      <c r="E1343" t="s">
        <v>11</v>
      </c>
      <c r="G1343" t="s">
        <v>6942</v>
      </c>
    </row>
    <row r="1344" spans="1:7" x14ac:dyDescent="0.2">
      <c r="A1344" t="s">
        <v>6943</v>
      </c>
      <c r="B1344" t="s">
        <v>6944</v>
      </c>
      <c r="C1344" t="s">
        <v>6945</v>
      </c>
      <c r="D1344" t="s">
        <v>6946</v>
      </c>
      <c r="E1344" t="s">
        <v>11</v>
      </c>
      <c r="G1344" t="s">
        <v>6947</v>
      </c>
    </row>
    <row r="1345" spans="1:7" x14ac:dyDescent="0.2">
      <c r="A1345" t="s">
        <v>6948</v>
      </c>
      <c r="B1345" t="s">
        <v>6949</v>
      </c>
      <c r="C1345" t="s">
        <v>6950</v>
      </c>
      <c r="D1345" t="s">
        <v>6951</v>
      </c>
      <c r="E1345" t="s">
        <v>17</v>
      </c>
      <c r="F1345" t="s">
        <v>2410</v>
      </c>
      <c r="G1345" t="s">
        <v>6952</v>
      </c>
    </row>
    <row r="1346" spans="1:7" x14ac:dyDescent="0.2">
      <c r="A1346" t="s">
        <v>6953</v>
      </c>
      <c r="B1346" t="s">
        <v>6954</v>
      </c>
      <c r="C1346" t="s">
        <v>6955</v>
      </c>
      <c r="D1346" t="s">
        <v>6956</v>
      </c>
      <c r="E1346" t="s">
        <v>11</v>
      </c>
      <c r="G1346" t="s">
        <v>6957</v>
      </c>
    </row>
    <row r="1347" spans="1:7" x14ac:dyDescent="0.2">
      <c r="A1347" t="s">
        <v>6958</v>
      </c>
      <c r="B1347" t="s">
        <v>6959</v>
      </c>
      <c r="C1347" t="s">
        <v>6960</v>
      </c>
      <c r="D1347" t="s">
        <v>6961</v>
      </c>
      <c r="E1347" t="s">
        <v>17</v>
      </c>
      <c r="F1347" t="s">
        <v>6962</v>
      </c>
      <c r="G1347" t="s">
        <v>6963</v>
      </c>
    </row>
    <row r="1348" spans="1:7" x14ac:dyDescent="0.2">
      <c r="A1348" t="s">
        <v>6964</v>
      </c>
      <c r="B1348" t="s">
        <v>6965</v>
      </c>
      <c r="C1348" t="s">
        <v>6966</v>
      </c>
      <c r="D1348" t="s">
        <v>6967</v>
      </c>
      <c r="E1348" t="s">
        <v>11</v>
      </c>
      <c r="G1348" t="s">
        <v>6968</v>
      </c>
    </row>
    <row r="1349" spans="1:7" x14ac:dyDescent="0.2">
      <c r="A1349" t="s">
        <v>6969</v>
      </c>
      <c r="B1349" t="s">
        <v>6970</v>
      </c>
      <c r="C1349" t="s">
        <v>6971</v>
      </c>
      <c r="D1349" t="s">
        <v>6972</v>
      </c>
      <c r="E1349" t="s">
        <v>17</v>
      </c>
      <c r="F1349" t="s">
        <v>6973</v>
      </c>
      <c r="G1349" t="s">
        <v>6974</v>
      </c>
    </row>
    <row r="1350" spans="1:7" x14ac:dyDescent="0.2">
      <c r="A1350" t="s">
        <v>6975</v>
      </c>
      <c r="B1350" t="s">
        <v>6976</v>
      </c>
      <c r="C1350" t="s">
        <v>6977</v>
      </c>
      <c r="D1350" t="s">
        <v>6978</v>
      </c>
      <c r="E1350" t="s">
        <v>287</v>
      </c>
      <c r="F1350" t="s">
        <v>2416</v>
      </c>
      <c r="G1350" t="s">
        <v>6979</v>
      </c>
    </row>
    <row r="1351" spans="1:7" x14ac:dyDescent="0.2">
      <c r="A1351" t="s">
        <v>6980</v>
      </c>
      <c r="B1351" t="s">
        <v>6981</v>
      </c>
      <c r="C1351" t="s">
        <v>6982</v>
      </c>
      <c r="D1351" t="s">
        <v>6983</v>
      </c>
      <c r="E1351" t="s">
        <v>17</v>
      </c>
      <c r="F1351" t="s">
        <v>45</v>
      </c>
      <c r="G1351" t="s">
        <v>6984</v>
      </c>
    </row>
    <row r="1352" spans="1:7" x14ac:dyDescent="0.2">
      <c r="A1352" t="s">
        <v>6985</v>
      </c>
      <c r="B1352" t="s">
        <v>6986</v>
      </c>
      <c r="C1352" t="s">
        <v>6987</v>
      </c>
      <c r="D1352" t="s">
        <v>6988</v>
      </c>
      <c r="E1352" t="s">
        <v>17</v>
      </c>
      <c r="F1352" t="s">
        <v>45</v>
      </c>
      <c r="G1352" t="s">
        <v>6989</v>
      </c>
    </row>
    <row r="1353" spans="1:7" x14ac:dyDescent="0.2">
      <c r="A1353" t="s">
        <v>6990</v>
      </c>
      <c r="B1353" t="s">
        <v>6991</v>
      </c>
      <c r="C1353" t="s">
        <v>6992</v>
      </c>
      <c r="D1353" t="s">
        <v>6993</v>
      </c>
      <c r="E1353" t="s">
        <v>17</v>
      </c>
      <c r="F1353" t="s">
        <v>6994</v>
      </c>
      <c r="G1353" t="s">
        <v>6995</v>
      </c>
    </row>
    <row r="1354" spans="1:7" x14ac:dyDescent="0.2">
      <c r="A1354" t="s">
        <v>6996</v>
      </c>
      <c r="B1354" t="s">
        <v>6997</v>
      </c>
      <c r="C1354" t="s">
        <v>6998</v>
      </c>
      <c r="D1354" t="s">
        <v>6999</v>
      </c>
      <c r="E1354" t="s">
        <v>11</v>
      </c>
      <c r="G1354" t="s">
        <v>7000</v>
      </c>
    </row>
    <row r="1355" spans="1:7" x14ac:dyDescent="0.2">
      <c r="A1355" t="s">
        <v>7001</v>
      </c>
      <c r="B1355" t="s">
        <v>7002</v>
      </c>
      <c r="C1355" t="s">
        <v>7003</v>
      </c>
      <c r="D1355" t="s">
        <v>7004</v>
      </c>
      <c r="E1355" t="s">
        <v>11</v>
      </c>
      <c r="G1355" t="s">
        <v>7005</v>
      </c>
    </row>
    <row r="1356" spans="1:7" x14ac:dyDescent="0.2">
      <c r="A1356" t="s">
        <v>7006</v>
      </c>
      <c r="B1356" t="s">
        <v>7007</v>
      </c>
      <c r="C1356" t="s">
        <v>7008</v>
      </c>
      <c r="D1356" t="s">
        <v>7009</v>
      </c>
      <c r="E1356" t="s">
        <v>11</v>
      </c>
      <c r="G1356" t="s">
        <v>7010</v>
      </c>
    </row>
    <row r="1357" spans="1:7" x14ac:dyDescent="0.2">
      <c r="A1357" t="s">
        <v>7011</v>
      </c>
      <c r="B1357" t="s">
        <v>7012</v>
      </c>
      <c r="C1357" t="s">
        <v>7013</v>
      </c>
      <c r="D1357" t="s">
        <v>7014</v>
      </c>
      <c r="E1357" t="s">
        <v>17</v>
      </c>
      <c r="F1357" t="s">
        <v>45</v>
      </c>
      <c r="G1357" t="s">
        <v>7015</v>
      </c>
    </row>
    <row r="1358" spans="1:7" x14ac:dyDescent="0.2">
      <c r="A1358" t="s">
        <v>7016</v>
      </c>
      <c r="B1358" t="s">
        <v>7017</v>
      </c>
      <c r="C1358" t="s">
        <v>7018</v>
      </c>
      <c r="D1358" t="s">
        <v>7019</v>
      </c>
      <c r="E1358" t="s">
        <v>17</v>
      </c>
      <c r="F1358" t="s">
        <v>7020</v>
      </c>
      <c r="G1358" t="s">
        <v>7021</v>
      </c>
    </row>
    <row r="1359" spans="1:7" x14ac:dyDescent="0.2">
      <c r="A1359" t="s">
        <v>7022</v>
      </c>
      <c r="B1359" t="s">
        <v>7023</v>
      </c>
      <c r="C1359" t="s">
        <v>7024</v>
      </c>
      <c r="D1359" t="s">
        <v>7025</v>
      </c>
      <c r="E1359" t="s">
        <v>11</v>
      </c>
      <c r="G1359" t="s">
        <v>7026</v>
      </c>
    </row>
    <row r="1360" spans="1:7" x14ac:dyDescent="0.2">
      <c r="A1360" t="s">
        <v>7027</v>
      </c>
      <c r="B1360" t="s">
        <v>7028</v>
      </c>
      <c r="C1360" t="s">
        <v>7029</v>
      </c>
      <c r="D1360" t="s">
        <v>7030</v>
      </c>
      <c r="E1360" t="s">
        <v>11</v>
      </c>
      <c r="G1360" t="s">
        <v>7031</v>
      </c>
    </row>
    <row r="1361" spans="1:7" x14ac:dyDescent="0.2">
      <c r="A1361" t="s">
        <v>7032</v>
      </c>
      <c r="B1361" t="s">
        <v>7033</v>
      </c>
      <c r="C1361" t="s">
        <v>7034</v>
      </c>
      <c r="D1361" t="s">
        <v>7035</v>
      </c>
      <c r="E1361" t="s">
        <v>17</v>
      </c>
      <c r="F1361" t="s">
        <v>7036</v>
      </c>
      <c r="G1361" t="s">
        <v>7037</v>
      </c>
    </row>
    <row r="1362" spans="1:7" x14ac:dyDescent="0.2">
      <c r="A1362" t="s">
        <v>7038</v>
      </c>
      <c r="B1362" t="s">
        <v>7039</v>
      </c>
      <c r="C1362" t="s">
        <v>7040</v>
      </c>
      <c r="D1362" t="s">
        <v>7041</v>
      </c>
      <c r="E1362" t="s">
        <v>17</v>
      </c>
      <c r="F1362" t="s">
        <v>70</v>
      </c>
      <c r="G1362" t="s">
        <v>7042</v>
      </c>
    </row>
    <row r="1363" spans="1:7" x14ac:dyDescent="0.2">
      <c r="A1363" t="s">
        <v>7043</v>
      </c>
      <c r="B1363" t="s">
        <v>7044</v>
      </c>
      <c r="C1363" t="s">
        <v>7045</v>
      </c>
      <c r="D1363" t="s">
        <v>7046</v>
      </c>
      <c r="E1363" t="s">
        <v>11</v>
      </c>
      <c r="G1363" t="s">
        <v>7047</v>
      </c>
    </row>
    <row r="1364" spans="1:7" x14ac:dyDescent="0.2">
      <c r="A1364" t="s">
        <v>7048</v>
      </c>
      <c r="B1364" t="s">
        <v>7049</v>
      </c>
      <c r="C1364" t="s">
        <v>7050</v>
      </c>
      <c r="D1364" t="s">
        <v>7051</v>
      </c>
      <c r="E1364" t="s">
        <v>17</v>
      </c>
      <c r="F1364" t="s">
        <v>45</v>
      </c>
      <c r="G1364" t="s">
        <v>7052</v>
      </c>
    </row>
    <row r="1365" spans="1:7" x14ac:dyDescent="0.2">
      <c r="A1365" t="s">
        <v>7053</v>
      </c>
      <c r="B1365" t="s">
        <v>7054</v>
      </c>
      <c r="C1365" t="s">
        <v>7055</v>
      </c>
      <c r="D1365" t="s">
        <v>7056</v>
      </c>
      <c r="E1365" t="s">
        <v>17</v>
      </c>
      <c r="F1365" t="s">
        <v>70</v>
      </c>
      <c r="G1365" t="s">
        <v>7057</v>
      </c>
    </row>
    <row r="1366" spans="1:7" x14ac:dyDescent="0.2">
      <c r="A1366" t="s">
        <v>7058</v>
      </c>
      <c r="B1366" t="s">
        <v>7059</v>
      </c>
      <c r="C1366" t="s">
        <v>7060</v>
      </c>
      <c r="D1366" t="s">
        <v>7061</v>
      </c>
      <c r="E1366" t="s">
        <v>17</v>
      </c>
      <c r="F1366" t="s">
        <v>70</v>
      </c>
      <c r="G1366" t="s">
        <v>7062</v>
      </c>
    </row>
    <row r="1367" spans="1:7" x14ac:dyDescent="0.2">
      <c r="A1367" t="s">
        <v>7063</v>
      </c>
      <c r="B1367" t="s">
        <v>7064</v>
      </c>
      <c r="C1367" t="s">
        <v>7065</v>
      </c>
      <c r="D1367" t="s">
        <v>7066</v>
      </c>
      <c r="E1367" t="s">
        <v>17</v>
      </c>
      <c r="F1367" t="s">
        <v>5561</v>
      </c>
      <c r="G1367" t="s">
        <v>7067</v>
      </c>
    </row>
    <row r="1368" spans="1:7" x14ac:dyDescent="0.2">
      <c r="A1368" t="s">
        <v>7068</v>
      </c>
      <c r="B1368" t="s">
        <v>7069</v>
      </c>
      <c r="C1368" t="s">
        <v>7070</v>
      </c>
      <c r="D1368" t="s">
        <v>7071</v>
      </c>
      <c r="E1368" t="s">
        <v>17</v>
      </c>
      <c r="F1368" t="s">
        <v>98</v>
      </c>
      <c r="G1368" t="s">
        <v>7072</v>
      </c>
    </row>
    <row r="1369" spans="1:7" x14ac:dyDescent="0.2">
      <c r="A1369" t="s">
        <v>7073</v>
      </c>
      <c r="B1369" t="s">
        <v>7074</v>
      </c>
      <c r="C1369" t="s">
        <v>7075</v>
      </c>
      <c r="D1369" t="s">
        <v>7076</v>
      </c>
      <c r="E1369" t="s">
        <v>11</v>
      </c>
      <c r="G1369" t="s">
        <v>7077</v>
      </c>
    </row>
    <row r="1370" spans="1:7" x14ac:dyDescent="0.2">
      <c r="A1370" t="s">
        <v>7078</v>
      </c>
      <c r="B1370" t="s">
        <v>7079</v>
      </c>
      <c r="C1370" t="s">
        <v>7080</v>
      </c>
      <c r="D1370" t="s">
        <v>6537</v>
      </c>
      <c r="E1370" t="s">
        <v>11</v>
      </c>
      <c r="F1370" t="s">
        <v>7081</v>
      </c>
      <c r="G1370" t="s">
        <v>7082</v>
      </c>
    </row>
    <row r="1371" spans="1:7" x14ac:dyDescent="0.2">
      <c r="A1371" t="s">
        <v>7083</v>
      </c>
      <c r="B1371" t="s">
        <v>7084</v>
      </c>
      <c r="C1371" t="s">
        <v>7085</v>
      </c>
      <c r="D1371" t="s">
        <v>7086</v>
      </c>
      <c r="E1371" t="s">
        <v>287</v>
      </c>
      <c r="F1371" t="s">
        <v>332</v>
      </c>
      <c r="G1371" t="s">
        <v>7087</v>
      </c>
    </row>
    <row r="1372" spans="1:7" x14ac:dyDescent="0.2">
      <c r="A1372" t="s">
        <v>7088</v>
      </c>
      <c r="B1372" t="s">
        <v>7089</v>
      </c>
      <c r="C1372" t="s">
        <v>7090</v>
      </c>
      <c r="D1372" t="s">
        <v>7091</v>
      </c>
      <c r="E1372" t="s">
        <v>287</v>
      </c>
      <c r="F1372" t="s">
        <v>288</v>
      </c>
      <c r="G1372" t="s">
        <v>7092</v>
      </c>
    </row>
    <row r="1373" spans="1:7" x14ac:dyDescent="0.2">
      <c r="A1373" t="s">
        <v>7093</v>
      </c>
      <c r="B1373" t="s">
        <v>7094</v>
      </c>
      <c r="C1373" t="s">
        <v>7095</v>
      </c>
      <c r="D1373" t="s">
        <v>7096</v>
      </c>
      <c r="E1373" t="s">
        <v>11</v>
      </c>
      <c r="G1373" t="s">
        <v>7097</v>
      </c>
    </row>
    <row r="1374" spans="1:7" x14ac:dyDescent="0.2">
      <c r="A1374" t="s">
        <v>7098</v>
      </c>
      <c r="B1374" t="s">
        <v>7099</v>
      </c>
      <c r="C1374" t="s">
        <v>7100</v>
      </c>
      <c r="D1374" t="s">
        <v>7101</v>
      </c>
      <c r="E1374" t="s">
        <v>11</v>
      </c>
      <c r="G1374" t="s">
        <v>7102</v>
      </c>
    </row>
    <row r="1375" spans="1:7" x14ac:dyDescent="0.2">
      <c r="A1375" t="s">
        <v>7103</v>
      </c>
      <c r="B1375" t="s">
        <v>7104</v>
      </c>
      <c r="C1375" t="s">
        <v>7105</v>
      </c>
      <c r="D1375" t="s">
        <v>7106</v>
      </c>
      <c r="E1375" t="s">
        <v>17</v>
      </c>
      <c r="F1375" t="s">
        <v>7107</v>
      </c>
      <c r="G1375" t="s">
        <v>7108</v>
      </c>
    </row>
    <row r="1376" spans="1:7" x14ac:dyDescent="0.2">
      <c r="A1376" t="s">
        <v>7109</v>
      </c>
      <c r="B1376" t="s">
        <v>7110</v>
      </c>
      <c r="C1376" t="s">
        <v>7111</v>
      </c>
      <c r="D1376" t="s">
        <v>7112</v>
      </c>
      <c r="E1376" t="s">
        <v>11</v>
      </c>
      <c r="G1376" t="s">
        <v>7113</v>
      </c>
    </row>
    <row r="1377" spans="1:7" x14ac:dyDescent="0.2">
      <c r="A1377" t="s">
        <v>7114</v>
      </c>
      <c r="B1377" t="s">
        <v>7115</v>
      </c>
      <c r="C1377" t="s">
        <v>7116</v>
      </c>
      <c r="D1377" t="s">
        <v>7117</v>
      </c>
      <c r="E1377" t="s">
        <v>11</v>
      </c>
      <c r="G1377" t="s">
        <v>7118</v>
      </c>
    </row>
    <row r="1378" spans="1:7" x14ac:dyDescent="0.2">
      <c r="A1378" t="s">
        <v>7119</v>
      </c>
      <c r="B1378" t="s">
        <v>7120</v>
      </c>
      <c r="C1378" t="s">
        <v>7121</v>
      </c>
      <c r="D1378" t="s">
        <v>7122</v>
      </c>
      <c r="E1378" t="s">
        <v>17</v>
      </c>
      <c r="F1378" t="s">
        <v>2410</v>
      </c>
      <c r="G1378" t="s">
        <v>7123</v>
      </c>
    </row>
    <row r="1379" spans="1:7" x14ac:dyDescent="0.2">
      <c r="A1379" t="s">
        <v>7124</v>
      </c>
      <c r="B1379" t="s">
        <v>7125</v>
      </c>
      <c r="C1379" t="s">
        <v>7126</v>
      </c>
      <c r="D1379" t="s">
        <v>7127</v>
      </c>
      <c r="E1379" t="s">
        <v>11</v>
      </c>
      <c r="G1379" t="s">
        <v>7128</v>
      </c>
    </row>
    <row r="1380" spans="1:7" x14ac:dyDescent="0.2">
      <c r="A1380" t="s">
        <v>7129</v>
      </c>
      <c r="B1380" t="s">
        <v>7130</v>
      </c>
      <c r="C1380" t="s">
        <v>7131</v>
      </c>
      <c r="D1380" t="s">
        <v>7132</v>
      </c>
      <c r="E1380" t="s">
        <v>11</v>
      </c>
      <c r="G1380" t="s">
        <v>7133</v>
      </c>
    </row>
    <row r="1381" spans="1:7" x14ac:dyDescent="0.2">
      <c r="A1381" t="s">
        <v>7134</v>
      </c>
      <c r="B1381" t="s">
        <v>7135</v>
      </c>
      <c r="C1381" t="s">
        <v>7136</v>
      </c>
      <c r="D1381" t="s">
        <v>7137</v>
      </c>
      <c r="E1381" t="s">
        <v>17</v>
      </c>
      <c r="F1381" t="s">
        <v>2410</v>
      </c>
      <c r="G1381" t="s">
        <v>7138</v>
      </c>
    </row>
    <row r="1382" spans="1:7" x14ac:dyDescent="0.2">
      <c r="A1382" t="s">
        <v>7139</v>
      </c>
      <c r="B1382" t="s">
        <v>7140</v>
      </c>
      <c r="C1382" t="s">
        <v>7141</v>
      </c>
      <c r="D1382" t="s">
        <v>7142</v>
      </c>
      <c r="E1382" t="s">
        <v>17</v>
      </c>
      <c r="F1382" t="s">
        <v>792</v>
      </c>
      <c r="G1382" t="s">
        <v>7143</v>
      </c>
    </row>
    <row r="1383" spans="1:7" x14ac:dyDescent="0.2">
      <c r="A1383" t="s">
        <v>7144</v>
      </c>
      <c r="B1383" t="s">
        <v>7145</v>
      </c>
      <c r="C1383" t="s">
        <v>7146</v>
      </c>
      <c r="D1383" t="s">
        <v>7147</v>
      </c>
      <c r="E1383" t="s">
        <v>11</v>
      </c>
      <c r="G1383" t="s">
        <v>7148</v>
      </c>
    </row>
    <row r="1384" spans="1:7" x14ac:dyDescent="0.2">
      <c r="A1384" t="s">
        <v>7149</v>
      </c>
      <c r="B1384" t="s">
        <v>7150</v>
      </c>
      <c r="C1384" t="s">
        <v>7151</v>
      </c>
      <c r="D1384" t="s">
        <v>7152</v>
      </c>
      <c r="E1384" t="s">
        <v>11</v>
      </c>
      <c r="G1384" t="s">
        <v>7153</v>
      </c>
    </row>
    <row r="1385" spans="1:7" x14ac:dyDescent="0.2">
      <c r="A1385" t="s">
        <v>7154</v>
      </c>
      <c r="B1385" t="s">
        <v>7155</v>
      </c>
      <c r="C1385" t="s">
        <v>7156</v>
      </c>
      <c r="D1385" t="s">
        <v>7157</v>
      </c>
      <c r="E1385" t="s">
        <v>17</v>
      </c>
      <c r="F1385" t="s">
        <v>45</v>
      </c>
      <c r="G1385" t="s">
        <v>7158</v>
      </c>
    </row>
    <row r="1386" spans="1:7" x14ac:dyDescent="0.2">
      <c r="A1386" t="s">
        <v>7159</v>
      </c>
      <c r="B1386" t="s">
        <v>7160</v>
      </c>
      <c r="C1386" t="s">
        <v>7161</v>
      </c>
      <c r="D1386" t="s">
        <v>7162</v>
      </c>
      <c r="E1386" t="s">
        <v>17</v>
      </c>
      <c r="F1386" t="s">
        <v>7163</v>
      </c>
      <c r="G1386" t="s">
        <v>7164</v>
      </c>
    </row>
    <row r="1387" spans="1:7" x14ac:dyDescent="0.2">
      <c r="A1387" t="s">
        <v>7165</v>
      </c>
      <c r="B1387" t="s">
        <v>7166</v>
      </c>
      <c r="C1387" t="s">
        <v>7167</v>
      </c>
      <c r="D1387" t="s">
        <v>7168</v>
      </c>
      <c r="E1387" t="s">
        <v>11</v>
      </c>
      <c r="G1387" t="s">
        <v>7169</v>
      </c>
    </row>
    <row r="1388" spans="1:7" x14ac:dyDescent="0.2">
      <c r="A1388" t="s">
        <v>7170</v>
      </c>
      <c r="B1388" t="s">
        <v>7171</v>
      </c>
      <c r="C1388" t="s">
        <v>7172</v>
      </c>
      <c r="D1388" t="s">
        <v>7173</v>
      </c>
      <c r="E1388" t="s">
        <v>11</v>
      </c>
      <c r="G1388" t="s">
        <v>7174</v>
      </c>
    </row>
    <row r="1389" spans="1:7" x14ac:dyDescent="0.2">
      <c r="A1389" t="s">
        <v>7175</v>
      </c>
      <c r="B1389" t="s">
        <v>7176</v>
      </c>
      <c r="C1389" t="s">
        <v>7177</v>
      </c>
      <c r="D1389" t="s">
        <v>7178</v>
      </c>
      <c r="E1389" t="s">
        <v>287</v>
      </c>
      <c r="F1389" t="s">
        <v>2296</v>
      </c>
      <c r="G1389" t="s">
        <v>7179</v>
      </c>
    </row>
    <row r="1390" spans="1:7" x14ac:dyDescent="0.2">
      <c r="A1390" t="s">
        <v>7180</v>
      </c>
      <c r="B1390" t="s">
        <v>7181</v>
      </c>
      <c r="C1390" t="s">
        <v>7182</v>
      </c>
      <c r="D1390" t="s">
        <v>7183</v>
      </c>
      <c r="E1390" t="s">
        <v>11</v>
      </c>
      <c r="G1390" t="s">
        <v>7184</v>
      </c>
    </row>
    <row r="1391" spans="1:7" x14ac:dyDescent="0.2">
      <c r="A1391" t="s">
        <v>7185</v>
      </c>
      <c r="B1391" t="s">
        <v>7186</v>
      </c>
      <c r="C1391" t="s">
        <v>7187</v>
      </c>
      <c r="D1391" t="s">
        <v>7188</v>
      </c>
      <c r="E1391" t="s">
        <v>287</v>
      </c>
      <c r="F1391" t="s">
        <v>527</v>
      </c>
      <c r="G1391" t="s">
        <v>7189</v>
      </c>
    </row>
    <row r="1392" spans="1:7" x14ac:dyDescent="0.2">
      <c r="A1392" t="s">
        <v>7190</v>
      </c>
      <c r="B1392" t="s">
        <v>7191</v>
      </c>
      <c r="C1392" t="s">
        <v>7192</v>
      </c>
      <c r="D1392" t="s">
        <v>7193</v>
      </c>
      <c r="E1392" t="s">
        <v>11</v>
      </c>
      <c r="G1392" t="s">
        <v>7194</v>
      </c>
    </row>
    <row r="1393" spans="1:7" x14ac:dyDescent="0.2">
      <c r="A1393" t="s">
        <v>7195</v>
      </c>
      <c r="B1393" t="s">
        <v>7196</v>
      </c>
      <c r="C1393" t="s">
        <v>7197</v>
      </c>
      <c r="D1393" t="s">
        <v>7198</v>
      </c>
      <c r="E1393" t="s">
        <v>11</v>
      </c>
      <c r="G1393" t="s">
        <v>7199</v>
      </c>
    </row>
    <row r="1394" spans="1:7" x14ac:dyDescent="0.2">
      <c r="A1394" t="s">
        <v>7200</v>
      </c>
      <c r="B1394" t="s">
        <v>7201</v>
      </c>
      <c r="C1394" t="s">
        <v>7202</v>
      </c>
      <c r="D1394" t="s">
        <v>7203</v>
      </c>
      <c r="E1394" t="s">
        <v>11</v>
      </c>
      <c r="G1394" t="s">
        <v>7204</v>
      </c>
    </row>
    <row r="1395" spans="1:7" x14ac:dyDescent="0.2">
      <c r="A1395" t="s">
        <v>7205</v>
      </c>
      <c r="B1395" t="s">
        <v>7206</v>
      </c>
      <c r="C1395" t="s">
        <v>7207</v>
      </c>
      <c r="D1395" t="s">
        <v>7208</v>
      </c>
      <c r="E1395" t="s">
        <v>11</v>
      </c>
      <c r="G1395" t="s">
        <v>7209</v>
      </c>
    </row>
    <row r="1396" spans="1:7" x14ac:dyDescent="0.2">
      <c r="A1396" t="s">
        <v>7210</v>
      </c>
      <c r="B1396" t="s">
        <v>7211</v>
      </c>
      <c r="C1396" t="s">
        <v>7212</v>
      </c>
      <c r="D1396" t="s">
        <v>7213</v>
      </c>
      <c r="E1396" t="s">
        <v>11</v>
      </c>
      <c r="G1396" t="s">
        <v>7214</v>
      </c>
    </row>
    <row r="1397" spans="1:7" x14ac:dyDescent="0.2">
      <c r="A1397" t="s">
        <v>7215</v>
      </c>
      <c r="B1397" t="s">
        <v>7216</v>
      </c>
      <c r="C1397" t="s">
        <v>7217</v>
      </c>
      <c r="D1397" t="s">
        <v>7218</v>
      </c>
      <c r="E1397" t="s">
        <v>17</v>
      </c>
      <c r="F1397" t="s">
        <v>5561</v>
      </c>
      <c r="G1397" t="s">
        <v>7219</v>
      </c>
    </row>
    <row r="1398" spans="1:7" x14ac:dyDescent="0.2">
      <c r="A1398" t="s">
        <v>7220</v>
      </c>
      <c r="B1398" t="s">
        <v>7221</v>
      </c>
      <c r="C1398" t="s">
        <v>7222</v>
      </c>
      <c r="D1398" t="s">
        <v>7223</v>
      </c>
      <c r="E1398" t="s">
        <v>17</v>
      </c>
      <c r="F1398" t="s">
        <v>7224</v>
      </c>
      <c r="G1398" t="s">
        <v>7225</v>
      </c>
    </row>
    <row r="1399" spans="1:7" x14ac:dyDescent="0.2">
      <c r="A1399" t="s">
        <v>7226</v>
      </c>
      <c r="B1399" t="s">
        <v>7227</v>
      </c>
      <c r="C1399" t="s">
        <v>7228</v>
      </c>
      <c r="D1399" t="s">
        <v>7229</v>
      </c>
      <c r="E1399" t="s">
        <v>17</v>
      </c>
      <c r="F1399" t="s">
        <v>70</v>
      </c>
      <c r="G1399" t="s">
        <v>7230</v>
      </c>
    </row>
    <row r="1400" spans="1:7" x14ac:dyDescent="0.2">
      <c r="A1400" t="s">
        <v>7231</v>
      </c>
      <c r="B1400" t="s">
        <v>7232</v>
      </c>
      <c r="C1400" t="s">
        <v>7233</v>
      </c>
      <c r="D1400" t="s">
        <v>7234</v>
      </c>
      <c r="E1400" t="s">
        <v>11</v>
      </c>
      <c r="G1400" t="s">
        <v>7235</v>
      </c>
    </row>
    <row r="1401" spans="1:7" x14ac:dyDescent="0.2">
      <c r="A1401" t="s">
        <v>7236</v>
      </c>
      <c r="B1401" t="s">
        <v>7237</v>
      </c>
      <c r="C1401" t="s">
        <v>7238</v>
      </c>
      <c r="D1401" t="s">
        <v>7239</v>
      </c>
      <c r="E1401" t="s">
        <v>17</v>
      </c>
      <c r="F1401" t="s">
        <v>7240</v>
      </c>
      <c r="G1401" t="s">
        <v>7241</v>
      </c>
    </row>
    <row r="1402" spans="1:7" x14ac:dyDescent="0.2">
      <c r="A1402" t="s">
        <v>7242</v>
      </c>
      <c r="B1402" t="s">
        <v>7243</v>
      </c>
      <c r="C1402" t="s">
        <v>7244</v>
      </c>
      <c r="D1402" t="s">
        <v>7245</v>
      </c>
      <c r="E1402" t="s">
        <v>17</v>
      </c>
      <c r="F1402" t="s">
        <v>70</v>
      </c>
      <c r="G1402" t="s">
        <v>7246</v>
      </c>
    </row>
    <row r="1403" spans="1:7" x14ac:dyDescent="0.2">
      <c r="A1403" t="s">
        <v>7247</v>
      </c>
      <c r="B1403" t="s">
        <v>7248</v>
      </c>
      <c r="C1403" t="s">
        <v>7249</v>
      </c>
      <c r="D1403" t="s">
        <v>7250</v>
      </c>
      <c r="E1403" t="s">
        <v>17</v>
      </c>
      <c r="F1403" t="s">
        <v>45</v>
      </c>
      <c r="G1403" t="s">
        <v>7251</v>
      </c>
    </row>
    <row r="1404" spans="1:7" x14ac:dyDescent="0.2">
      <c r="A1404" t="s">
        <v>7252</v>
      </c>
      <c r="B1404" t="s">
        <v>7253</v>
      </c>
      <c r="C1404" t="s">
        <v>7254</v>
      </c>
      <c r="D1404" t="s">
        <v>7255</v>
      </c>
      <c r="E1404" t="s">
        <v>11</v>
      </c>
      <c r="F1404" t="s">
        <v>7256</v>
      </c>
      <c r="G1404" t="s">
        <v>7257</v>
      </c>
    </row>
    <row r="1405" spans="1:7" x14ac:dyDescent="0.2">
      <c r="A1405" t="s">
        <v>7258</v>
      </c>
      <c r="B1405" t="s">
        <v>7259</v>
      </c>
      <c r="C1405" t="s">
        <v>7260</v>
      </c>
      <c r="D1405" t="s">
        <v>7261</v>
      </c>
      <c r="E1405" t="s">
        <v>11</v>
      </c>
      <c r="G1405" t="s">
        <v>7262</v>
      </c>
    </row>
    <row r="1406" spans="1:7" x14ac:dyDescent="0.2">
      <c r="A1406" t="s">
        <v>7263</v>
      </c>
      <c r="B1406" t="s">
        <v>7264</v>
      </c>
      <c r="C1406" t="s">
        <v>7265</v>
      </c>
      <c r="D1406" t="s">
        <v>7266</v>
      </c>
      <c r="E1406" t="s">
        <v>11</v>
      </c>
      <c r="G1406" t="s">
        <v>7267</v>
      </c>
    </row>
    <row r="1407" spans="1:7" x14ac:dyDescent="0.2">
      <c r="A1407" t="s">
        <v>7268</v>
      </c>
      <c r="B1407" t="s">
        <v>7269</v>
      </c>
      <c r="C1407" t="s">
        <v>7270</v>
      </c>
      <c r="D1407" t="s">
        <v>7271</v>
      </c>
      <c r="E1407" t="s">
        <v>11</v>
      </c>
      <c r="G1407" t="s">
        <v>7272</v>
      </c>
    </row>
    <row r="1408" spans="1:7" x14ac:dyDescent="0.2">
      <c r="A1408" t="s">
        <v>7273</v>
      </c>
      <c r="B1408" t="s">
        <v>7274</v>
      </c>
      <c r="C1408" t="s">
        <v>7275</v>
      </c>
      <c r="D1408" t="s">
        <v>7276</v>
      </c>
      <c r="E1408" t="s">
        <v>11</v>
      </c>
      <c r="G1408" t="s">
        <v>7277</v>
      </c>
    </row>
    <row r="1409" spans="1:7" x14ac:dyDescent="0.2">
      <c r="A1409" t="s">
        <v>7278</v>
      </c>
      <c r="B1409" t="s">
        <v>7279</v>
      </c>
      <c r="C1409" t="s">
        <v>7280</v>
      </c>
      <c r="D1409" t="s">
        <v>7281</v>
      </c>
      <c r="E1409" t="s">
        <v>17</v>
      </c>
      <c r="F1409" t="s">
        <v>7282</v>
      </c>
      <c r="G1409" t="s">
        <v>7283</v>
      </c>
    </row>
    <row r="1410" spans="1:7" x14ac:dyDescent="0.2">
      <c r="A1410" t="s">
        <v>7284</v>
      </c>
      <c r="B1410" t="s">
        <v>7285</v>
      </c>
      <c r="C1410" t="s">
        <v>7286</v>
      </c>
      <c r="D1410" t="s">
        <v>7287</v>
      </c>
      <c r="E1410" t="s">
        <v>11</v>
      </c>
      <c r="G1410" t="s">
        <v>7288</v>
      </c>
    </row>
    <row r="1411" spans="1:7" x14ac:dyDescent="0.2">
      <c r="A1411" t="s">
        <v>7289</v>
      </c>
      <c r="B1411" t="s">
        <v>7290</v>
      </c>
      <c r="C1411" t="s">
        <v>7291</v>
      </c>
      <c r="D1411" t="s">
        <v>7292</v>
      </c>
      <c r="E1411" t="s">
        <v>17</v>
      </c>
      <c r="F1411" t="s">
        <v>7293</v>
      </c>
      <c r="G1411" t="s">
        <v>7294</v>
      </c>
    </row>
    <row r="1412" spans="1:7" x14ac:dyDescent="0.2">
      <c r="A1412" t="s">
        <v>7295</v>
      </c>
      <c r="B1412" t="s">
        <v>7296</v>
      </c>
      <c r="C1412" t="s">
        <v>7297</v>
      </c>
      <c r="D1412" t="s">
        <v>7298</v>
      </c>
      <c r="E1412" t="s">
        <v>17</v>
      </c>
      <c r="F1412" t="s">
        <v>70</v>
      </c>
      <c r="G1412" t="s">
        <v>7299</v>
      </c>
    </row>
    <row r="1413" spans="1:7" x14ac:dyDescent="0.2">
      <c r="A1413" t="s">
        <v>7300</v>
      </c>
      <c r="B1413" t="s">
        <v>7301</v>
      </c>
      <c r="C1413" t="s">
        <v>7302</v>
      </c>
      <c r="D1413" t="s">
        <v>7303</v>
      </c>
      <c r="E1413" t="s">
        <v>287</v>
      </c>
      <c r="F1413" t="s">
        <v>332</v>
      </c>
      <c r="G1413" t="s">
        <v>7304</v>
      </c>
    </row>
    <row r="1414" spans="1:7" x14ac:dyDescent="0.2">
      <c r="A1414" t="s">
        <v>7305</v>
      </c>
      <c r="B1414" t="s">
        <v>7306</v>
      </c>
      <c r="C1414" t="s">
        <v>7307</v>
      </c>
      <c r="D1414" t="s">
        <v>7308</v>
      </c>
      <c r="E1414" t="s">
        <v>11</v>
      </c>
      <c r="G1414" t="s">
        <v>7309</v>
      </c>
    </row>
    <row r="1415" spans="1:7" x14ac:dyDescent="0.2">
      <c r="A1415" t="s">
        <v>7310</v>
      </c>
      <c r="B1415" t="s">
        <v>7311</v>
      </c>
      <c r="C1415" t="s">
        <v>7312</v>
      </c>
      <c r="D1415" t="s">
        <v>7313</v>
      </c>
      <c r="E1415" t="s">
        <v>11</v>
      </c>
      <c r="G1415" t="s">
        <v>7314</v>
      </c>
    </row>
    <row r="1416" spans="1:7" x14ac:dyDescent="0.2">
      <c r="A1416" t="s">
        <v>7315</v>
      </c>
      <c r="B1416" t="s">
        <v>7316</v>
      </c>
      <c r="C1416" t="s">
        <v>7317</v>
      </c>
      <c r="D1416" t="s">
        <v>7318</v>
      </c>
      <c r="E1416" t="s">
        <v>287</v>
      </c>
      <c r="F1416" t="s">
        <v>527</v>
      </c>
      <c r="G1416" t="s">
        <v>7319</v>
      </c>
    </row>
    <row r="1417" spans="1:7" x14ac:dyDescent="0.2">
      <c r="A1417" t="s">
        <v>7320</v>
      </c>
      <c r="B1417" t="s">
        <v>7321</v>
      </c>
      <c r="C1417" t="s">
        <v>7322</v>
      </c>
      <c r="D1417" t="s">
        <v>7323</v>
      </c>
      <c r="E1417" t="s">
        <v>287</v>
      </c>
      <c r="F1417" t="s">
        <v>332</v>
      </c>
      <c r="G1417" t="s">
        <v>7324</v>
      </c>
    </row>
    <row r="1418" spans="1:7" x14ac:dyDescent="0.2">
      <c r="A1418" t="s">
        <v>7325</v>
      </c>
      <c r="B1418" t="s">
        <v>7326</v>
      </c>
      <c r="C1418" t="s">
        <v>7327</v>
      </c>
      <c r="D1418" t="s">
        <v>7328</v>
      </c>
      <c r="E1418" t="s">
        <v>287</v>
      </c>
      <c r="F1418" t="s">
        <v>288</v>
      </c>
      <c r="G1418" t="s">
        <v>7329</v>
      </c>
    </row>
    <row r="1419" spans="1:7" x14ac:dyDescent="0.2">
      <c r="A1419" t="s">
        <v>7330</v>
      </c>
      <c r="B1419" t="s">
        <v>7331</v>
      </c>
      <c r="C1419" t="s">
        <v>7332</v>
      </c>
      <c r="D1419" t="s">
        <v>7333</v>
      </c>
      <c r="E1419" t="s">
        <v>287</v>
      </c>
      <c r="F1419" t="s">
        <v>527</v>
      </c>
      <c r="G1419" t="s">
        <v>7334</v>
      </c>
    </row>
    <row r="1420" spans="1:7" x14ac:dyDescent="0.2">
      <c r="A1420" t="s">
        <v>7335</v>
      </c>
      <c r="B1420" t="s">
        <v>7336</v>
      </c>
      <c r="C1420" t="s">
        <v>7337</v>
      </c>
      <c r="D1420" t="s">
        <v>7338</v>
      </c>
      <c r="E1420" t="s">
        <v>287</v>
      </c>
      <c r="F1420" t="s">
        <v>332</v>
      </c>
      <c r="G1420" t="s">
        <v>7339</v>
      </c>
    </row>
    <row r="1421" spans="1:7" x14ac:dyDescent="0.2">
      <c r="A1421" t="s">
        <v>7340</v>
      </c>
      <c r="B1421" t="s">
        <v>7341</v>
      </c>
      <c r="C1421" t="s">
        <v>7342</v>
      </c>
      <c r="D1421" t="s">
        <v>7343</v>
      </c>
      <c r="E1421" t="s">
        <v>287</v>
      </c>
      <c r="F1421" t="s">
        <v>288</v>
      </c>
      <c r="G1421" t="s">
        <v>7344</v>
      </c>
    </row>
    <row r="1422" spans="1:7" x14ac:dyDescent="0.2">
      <c r="A1422" t="s">
        <v>7345</v>
      </c>
      <c r="B1422" t="s">
        <v>7346</v>
      </c>
      <c r="C1422" t="s">
        <v>7347</v>
      </c>
      <c r="D1422" t="s">
        <v>7348</v>
      </c>
      <c r="E1422" t="s">
        <v>287</v>
      </c>
      <c r="F1422" t="s">
        <v>1628</v>
      </c>
      <c r="G1422" t="s">
        <v>7349</v>
      </c>
    </row>
    <row r="1423" spans="1:7" x14ac:dyDescent="0.2">
      <c r="A1423" t="s">
        <v>7350</v>
      </c>
      <c r="B1423" t="s">
        <v>7351</v>
      </c>
      <c r="C1423" t="s">
        <v>7352</v>
      </c>
      <c r="D1423" t="s">
        <v>7353</v>
      </c>
      <c r="E1423" t="s">
        <v>287</v>
      </c>
      <c r="F1423" t="s">
        <v>332</v>
      </c>
      <c r="G1423" t="s">
        <v>7354</v>
      </c>
    </row>
    <row r="1424" spans="1:7" x14ac:dyDescent="0.2">
      <c r="A1424" t="s">
        <v>7355</v>
      </c>
      <c r="B1424" t="s">
        <v>7356</v>
      </c>
      <c r="C1424" t="s">
        <v>7357</v>
      </c>
      <c r="D1424" t="s">
        <v>7358</v>
      </c>
      <c r="E1424" t="s">
        <v>287</v>
      </c>
      <c r="F1424" t="s">
        <v>7359</v>
      </c>
      <c r="G1424" t="s">
        <v>7360</v>
      </c>
    </row>
    <row r="1425" spans="1:7" x14ac:dyDescent="0.2">
      <c r="A1425" t="s">
        <v>7361</v>
      </c>
      <c r="B1425" t="s">
        <v>7362</v>
      </c>
      <c r="C1425" t="s">
        <v>7363</v>
      </c>
      <c r="D1425" t="s">
        <v>7364</v>
      </c>
      <c r="E1425" t="s">
        <v>11</v>
      </c>
      <c r="G1425" t="s">
        <v>7365</v>
      </c>
    </row>
    <row r="1426" spans="1:7" x14ac:dyDescent="0.2">
      <c r="A1426" t="s">
        <v>7366</v>
      </c>
      <c r="B1426" t="s">
        <v>7367</v>
      </c>
      <c r="C1426" t="s">
        <v>7368</v>
      </c>
      <c r="D1426" t="s">
        <v>7369</v>
      </c>
      <c r="E1426" t="s">
        <v>287</v>
      </c>
      <c r="F1426" t="s">
        <v>527</v>
      </c>
      <c r="G1426" t="s">
        <v>7370</v>
      </c>
    </row>
    <row r="1427" spans="1:7" x14ac:dyDescent="0.2">
      <c r="A1427" t="s">
        <v>7371</v>
      </c>
      <c r="B1427" t="s">
        <v>7372</v>
      </c>
      <c r="C1427" t="s">
        <v>7373</v>
      </c>
      <c r="D1427" t="s">
        <v>7374</v>
      </c>
      <c r="E1427" t="s">
        <v>287</v>
      </c>
      <c r="F1427" t="s">
        <v>2416</v>
      </c>
      <c r="G1427" t="s">
        <v>7375</v>
      </c>
    </row>
    <row r="1428" spans="1:7" x14ac:dyDescent="0.2">
      <c r="A1428" t="s">
        <v>7376</v>
      </c>
      <c r="B1428" t="s">
        <v>7377</v>
      </c>
      <c r="C1428" t="s">
        <v>7378</v>
      </c>
      <c r="D1428" t="s">
        <v>7379</v>
      </c>
      <c r="E1428" t="s">
        <v>17</v>
      </c>
      <c r="F1428" t="s">
        <v>18</v>
      </c>
      <c r="G1428" t="s">
        <v>7380</v>
      </c>
    </row>
    <row r="1429" spans="1:7" x14ac:dyDescent="0.2">
      <c r="A1429" t="s">
        <v>7381</v>
      </c>
      <c r="B1429" t="s">
        <v>7382</v>
      </c>
      <c r="C1429" t="s">
        <v>7383</v>
      </c>
      <c r="D1429" t="s">
        <v>7384</v>
      </c>
      <c r="E1429" t="s">
        <v>11</v>
      </c>
      <c r="G1429" t="s">
        <v>7385</v>
      </c>
    </row>
    <row r="1430" spans="1:7" x14ac:dyDescent="0.2">
      <c r="A1430" t="s">
        <v>7386</v>
      </c>
      <c r="B1430" t="s">
        <v>7387</v>
      </c>
      <c r="C1430" t="s">
        <v>7388</v>
      </c>
      <c r="D1430" t="s">
        <v>7389</v>
      </c>
      <c r="E1430" t="s">
        <v>11</v>
      </c>
      <c r="G1430" t="s">
        <v>7390</v>
      </c>
    </row>
    <row r="1431" spans="1:7" x14ac:dyDescent="0.2">
      <c r="A1431" t="s">
        <v>7391</v>
      </c>
      <c r="B1431" t="s">
        <v>7392</v>
      </c>
      <c r="C1431" t="s">
        <v>7393</v>
      </c>
      <c r="D1431" t="s">
        <v>7394</v>
      </c>
      <c r="E1431" t="s">
        <v>17</v>
      </c>
      <c r="F1431" t="s">
        <v>7395</v>
      </c>
      <c r="G1431" t="s">
        <v>7396</v>
      </c>
    </row>
    <row r="1432" spans="1:7" x14ac:dyDescent="0.2">
      <c r="A1432" t="s">
        <v>7397</v>
      </c>
      <c r="B1432" t="s">
        <v>7398</v>
      </c>
      <c r="C1432" t="s">
        <v>7399</v>
      </c>
      <c r="D1432" t="s">
        <v>7400</v>
      </c>
      <c r="E1432" t="s">
        <v>11</v>
      </c>
      <c r="G1432" t="s">
        <v>7401</v>
      </c>
    </row>
    <row r="1433" spans="1:7" x14ac:dyDescent="0.2">
      <c r="A1433" t="s">
        <v>7402</v>
      </c>
      <c r="B1433" t="s">
        <v>7403</v>
      </c>
      <c r="C1433" t="s">
        <v>7404</v>
      </c>
      <c r="D1433" t="s">
        <v>7405</v>
      </c>
      <c r="E1433" t="s">
        <v>11</v>
      </c>
      <c r="G1433" t="s">
        <v>7406</v>
      </c>
    </row>
    <row r="1434" spans="1:7" x14ac:dyDescent="0.2">
      <c r="A1434" t="s">
        <v>7407</v>
      </c>
      <c r="B1434" t="s">
        <v>7408</v>
      </c>
      <c r="C1434" t="s">
        <v>7409</v>
      </c>
      <c r="D1434" t="s">
        <v>7410</v>
      </c>
      <c r="E1434" t="s">
        <v>11</v>
      </c>
      <c r="G1434" t="s">
        <v>7411</v>
      </c>
    </row>
    <row r="1435" spans="1:7" x14ac:dyDescent="0.2">
      <c r="A1435" t="s">
        <v>7412</v>
      </c>
      <c r="B1435" t="s">
        <v>7413</v>
      </c>
      <c r="C1435" t="s">
        <v>7414</v>
      </c>
      <c r="D1435" t="s">
        <v>7415</v>
      </c>
      <c r="E1435" t="s">
        <v>17</v>
      </c>
      <c r="F1435" t="s">
        <v>70</v>
      </c>
      <c r="G1435" t="s">
        <v>7416</v>
      </c>
    </row>
    <row r="1436" spans="1:7" x14ac:dyDescent="0.2">
      <c r="A1436" t="s">
        <v>7417</v>
      </c>
      <c r="B1436" t="s">
        <v>7418</v>
      </c>
      <c r="C1436" t="s">
        <v>7419</v>
      </c>
      <c r="D1436" t="s">
        <v>7420</v>
      </c>
      <c r="E1436" t="s">
        <v>11</v>
      </c>
      <c r="G1436" t="s">
        <v>7421</v>
      </c>
    </row>
    <row r="1437" spans="1:7" x14ac:dyDescent="0.2">
      <c r="A1437" t="s">
        <v>7422</v>
      </c>
      <c r="B1437" t="s">
        <v>7423</v>
      </c>
      <c r="C1437" t="s">
        <v>7424</v>
      </c>
      <c r="D1437" t="s">
        <v>7425</v>
      </c>
      <c r="E1437" t="s">
        <v>11</v>
      </c>
      <c r="G1437" t="s">
        <v>7426</v>
      </c>
    </row>
    <row r="1438" spans="1:7" x14ac:dyDescent="0.2">
      <c r="A1438" t="s">
        <v>7427</v>
      </c>
      <c r="B1438" t="s">
        <v>7428</v>
      </c>
      <c r="C1438" t="s">
        <v>7429</v>
      </c>
      <c r="D1438" t="s">
        <v>7430</v>
      </c>
      <c r="E1438" t="s">
        <v>11</v>
      </c>
      <c r="G1438" t="s">
        <v>7431</v>
      </c>
    </row>
    <row r="1439" spans="1:7" x14ac:dyDescent="0.2">
      <c r="A1439" t="s">
        <v>7432</v>
      </c>
      <c r="B1439" t="s">
        <v>7433</v>
      </c>
      <c r="C1439" t="s">
        <v>7434</v>
      </c>
      <c r="D1439" t="s">
        <v>7435</v>
      </c>
      <c r="E1439" t="s">
        <v>17</v>
      </c>
      <c r="F1439" t="s">
        <v>70</v>
      </c>
      <c r="G1439" t="s">
        <v>7436</v>
      </c>
    </row>
    <row r="1440" spans="1:7" x14ac:dyDescent="0.2">
      <c r="A1440" t="s">
        <v>7437</v>
      </c>
      <c r="B1440" t="s">
        <v>7438</v>
      </c>
      <c r="C1440" t="s">
        <v>7439</v>
      </c>
      <c r="D1440" t="s">
        <v>7440</v>
      </c>
      <c r="E1440" t="s">
        <v>17</v>
      </c>
      <c r="F1440" t="s">
        <v>7441</v>
      </c>
      <c r="G1440" t="s">
        <v>7442</v>
      </c>
    </row>
    <row r="1441" spans="1:7" x14ac:dyDescent="0.2">
      <c r="A1441" t="s">
        <v>7443</v>
      </c>
      <c r="B1441" t="s">
        <v>7444</v>
      </c>
      <c r="C1441" t="s">
        <v>7445</v>
      </c>
      <c r="D1441" t="s">
        <v>7446</v>
      </c>
      <c r="E1441" t="s">
        <v>11</v>
      </c>
      <c r="G1441" t="s">
        <v>7447</v>
      </c>
    </row>
    <row r="1442" spans="1:7" x14ac:dyDescent="0.2">
      <c r="A1442" t="s">
        <v>7448</v>
      </c>
      <c r="B1442" t="s">
        <v>7449</v>
      </c>
      <c r="C1442" t="s">
        <v>7450</v>
      </c>
      <c r="D1442" t="s">
        <v>7451</v>
      </c>
      <c r="E1442" t="s">
        <v>17</v>
      </c>
      <c r="F1442" t="s">
        <v>1161</v>
      </c>
      <c r="G1442" t="s">
        <v>7452</v>
      </c>
    </row>
    <row r="1443" spans="1:7" x14ac:dyDescent="0.2">
      <c r="A1443" t="s">
        <v>7453</v>
      </c>
      <c r="B1443" t="s">
        <v>7454</v>
      </c>
      <c r="C1443" t="s">
        <v>7455</v>
      </c>
      <c r="D1443" t="s">
        <v>7456</v>
      </c>
      <c r="E1443" t="s">
        <v>11</v>
      </c>
      <c r="G1443" t="s">
        <v>7457</v>
      </c>
    </row>
    <row r="1444" spans="1:7" x14ac:dyDescent="0.2">
      <c r="A1444" t="s">
        <v>7458</v>
      </c>
      <c r="B1444" t="s">
        <v>7459</v>
      </c>
      <c r="C1444" t="s">
        <v>7460</v>
      </c>
      <c r="D1444" t="s">
        <v>7461</v>
      </c>
      <c r="E1444" t="s">
        <v>11</v>
      </c>
      <c r="G1444" t="s">
        <v>7462</v>
      </c>
    </row>
    <row r="1445" spans="1:7" x14ac:dyDescent="0.2">
      <c r="A1445" t="s">
        <v>7463</v>
      </c>
      <c r="B1445" t="s">
        <v>7464</v>
      </c>
      <c r="C1445" t="s">
        <v>7465</v>
      </c>
      <c r="D1445" t="s">
        <v>7466</v>
      </c>
      <c r="E1445" t="s">
        <v>11</v>
      </c>
      <c r="G1445" t="s">
        <v>7467</v>
      </c>
    </row>
    <row r="1446" spans="1:7" x14ac:dyDescent="0.2">
      <c r="A1446" t="s">
        <v>7468</v>
      </c>
      <c r="B1446" t="s">
        <v>7469</v>
      </c>
      <c r="C1446" t="s">
        <v>7470</v>
      </c>
      <c r="D1446" t="s">
        <v>7471</v>
      </c>
      <c r="E1446" t="s">
        <v>17</v>
      </c>
      <c r="F1446" t="s">
        <v>7472</v>
      </c>
      <c r="G1446" t="s">
        <v>7473</v>
      </c>
    </row>
    <row r="1447" spans="1:7" x14ac:dyDescent="0.2">
      <c r="A1447" t="s">
        <v>7474</v>
      </c>
      <c r="B1447" t="s">
        <v>7475</v>
      </c>
      <c r="C1447" t="s">
        <v>7476</v>
      </c>
      <c r="D1447" t="s">
        <v>7477</v>
      </c>
      <c r="E1447" t="s">
        <v>11</v>
      </c>
      <c r="G1447" t="s">
        <v>7478</v>
      </c>
    </row>
    <row r="1448" spans="1:7" x14ac:dyDescent="0.2">
      <c r="A1448" t="s">
        <v>7479</v>
      </c>
      <c r="B1448" t="s">
        <v>7480</v>
      </c>
      <c r="C1448" t="s">
        <v>7481</v>
      </c>
      <c r="D1448" t="s">
        <v>7482</v>
      </c>
      <c r="E1448" t="s">
        <v>11</v>
      </c>
      <c r="G1448" t="s">
        <v>7483</v>
      </c>
    </row>
    <row r="1449" spans="1:7" x14ac:dyDescent="0.2">
      <c r="A1449" t="s">
        <v>7484</v>
      </c>
      <c r="B1449" t="s">
        <v>7485</v>
      </c>
      <c r="C1449" t="s">
        <v>7486</v>
      </c>
      <c r="D1449" t="s">
        <v>7487</v>
      </c>
      <c r="E1449" t="s">
        <v>11</v>
      </c>
      <c r="G1449" t="s">
        <v>7488</v>
      </c>
    </row>
    <row r="1450" spans="1:7" x14ac:dyDescent="0.2">
      <c r="A1450" t="s">
        <v>7489</v>
      </c>
      <c r="B1450" t="s">
        <v>7490</v>
      </c>
      <c r="C1450" t="s">
        <v>7491</v>
      </c>
      <c r="D1450" t="s">
        <v>7492</v>
      </c>
      <c r="E1450" t="s">
        <v>17</v>
      </c>
      <c r="F1450" t="s">
        <v>7493</v>
      </c>
      <c r="G1450" t="s">
        <v>7494</v>
      </c>
    </row>
    <row r="1451" spans="1:7" x14ac:dyDescent="0.2">
      <c r="A1451" t="s">
        <v>7495</v>
      </c>
      <c r="B1451" t="s">
        <v>7496</v>
      </c>
      <c r="C1451" t="s">
        <v>7497</v>
      </c>
      <c r="D1451" t="s">
        <v>7498</v>
      </c>
      <c r="E1451" t="s">
        <v>17</v>
      </c>
      <c r="F1451" t="s">
        <v>70</v>
      </c>
      <c r="G1451" t="s">
        <v>7499</v>
      </c>
    </row>
    <row r="1452" spans="1:7" x14ac:dyDescent="0.2">
      <c r="A1452" t="s">
        <v>7500</v>
      </c>
      <c r="B1452" t="s">
        <v>7501</v>
      </c>
      <c r="C1452" t="s">
        <v>7502</v>
      </c>
      <c r="D1452" t="s">
        <v>7503</v>
      </c>
      <c r="E1452" t="s">
        <v>11</v>
      </c>
      <c r="G1452" t="s">
        <v>7504</v>
      </c>
    </row>
    <row r="1453" spans="1:7" x14ac:dyDescent="0.2">
      <c r="A1453" t="s">
        <v>7505</v>
      </c>
      <c r="B1453" t="s">
        <v>7506</v>
      </c>
      <c r="C1453" t="s">
        <v>7507</v>
      </c>
      <c r="D1453" t="s">
        <v>7508</v>
      </c>
      <c r="E1453" t="s">
        <v>17</v>
      </c>
      <c r="F1453" t="s">
        <v>310</v>
      </c>
      <c r="G1453" t="s">
        <v>7509</v>
      </c>
    </row>
    <row r="1454" spans="1:7" x14ac:dyDescent="0.2">
      <c r="A1454" t="s">
        <v>7510</v>
      </c>
      <c r="B1454" t="s">
        <v>7511</v>
      </c>
      <c r="C1454" t="s">
        <v>7512</v>
      </c>
      <c r="D1454" t="s">
        <v>7513</v>
      </c>
      <c r="E1454" t="s">
        <v>17</v>
      </c>
      <c r="F1454" t="s">
        <v>4934</v>
      </c>
      <c r="G1454" t="s">
        <v>7514</v>
      </c>
    </row>
    <row r="1455" spans="1:7" x14ac:dyDescent="0.2">
      <c r="A1455" t="s">
        <v>7515</v>
      </c>
      <c r="B1455" t="s">
        <v>7516</v>
      </c>
      <c r="C1455" t="s">
        <v>7517</v>
      </c>
      <c r="D1455" t="s">
        <v>7518</v>
      </c>
      <c r="E1455" t="s">
        <v>17</v>
      </c>
      <c r="F1455" t="s">
        <v>7519</v>
      </c>
      <c r="G1455" t="s">
        <v>7520</v>
      </c>
    </row>
    <row r="1456" spans="1:7" x14ac:dyDescent="0.2">
      <c r="A1456" t="s">
        <v>7521</v>
      </c>
      <c r="B1456" t="s">
        <v>7522</v>
      </c>
      <c r="C1456" t="s">
        <v>7523</v>
      </c>
      <c r="D1456" t="s">
        <v>7524</v>
      </c>
      <c r="E1456" t="s">
        <v>17</v>
      </c>
      <c r="F1456" t="s">
        <v>7525</v>
      </c>
      <c r="G1456" t="s">
        <v>7526</v>
      </c>
    </row>
    <row r="1457" spans="1:7" x14ac:dyDescent="0.2">
      <c r="A1457" t="s">
        <v>7527</v>
      </c>
      <c r="B1457" t="s">
        <v>7528</v>
      </c>
      <c r="C1457" t="s">
        <v>7529</v>
      </c>
      <c r="D1457" t="s">
        <v>7530</v>
      </c>
      <c r="E1457" t="s">
        <v>11</v>
      </c>
      <c r="G1457" t="s">
        <v>7531</v>
      </c>
    </row>
    <row r="1458" spans="1:7" x14ac:dyDescent="0.2">
      <c r="A1458" t="s">
        <v>7532</v>
      </c>
      <c r="B1458" t="s">
        <v>7533</v>
      </c>
      <c r="C1458" t="s">
        <v>7534</v>
      </c>
      <c r="D1458" t="s">
        <v>7535</v>
      </c>
      <c r="E1458" t="s">
        <v>11</v>
      </c>
      <c r="G1458" t="s">
        <v>7536</v>
      </c>
    </row>
    <row r="1459" spans="1:7" x14ac:dyDescent="0.2">
      <c r="A1459" t="s">
        <v>7537</v>
      </c>
      <c r="B1459" t="s">
        <v>7538</v>
      </c>
      <c r="C1459" t="s">
        <v>7539</v>
      </c>
      <c r="D1459" t="s">
        <v>7540</v>
      </c>
      <c r="E1459" t="s">
        <v>17</v>
      </c>
      <c r="F1459" t="s">
        <v>70</v>
      </c>
      <c r="G1459" t="s">
        <v>7541</v>
      </c>
    </row>
    <row r="1460" spans="1:7" x14ac:dyDescent="0.2">
      <c r="A1460" t="s">
        <v>7542</v>
      </c>
      <c r="B1460" t="s">
        <v>7543</v>
      </c>
      <c r="C1460" t="s">
        <v>7544</v>
      </c>
      <c r="D1460" t="s">
        <v>7545</v>
      </c>
      <c r="E1460" t="s">
        <v>11</v>
      </c>
      <c r="G1460" t="s">
        <v>7546</v>
      </c>
    </row>
    <row r="1461" spans="1:7" x14ac:dyDescent="0.2">
      <c r="A1461" t="s">
        <v>7547</v>
      </c>
      <c r="B1461" t="s">
        <v>7548</v>
      </c>
      <c r="C1461" t="s">
        <v>7549</v>
      </c>
      <c r="D1461" t="s">
        <v>7550</v>
      </c>
      <c r="E1461" t="s">
        <v>11</v>
      </c>
      <c r="G1461" t="s">
        <v>7551</v>
      </c>
    </row>
    <row r="1462" spans="1:7" x14ac:dyDescent="0.2">
      <c r="A1462" t="s">
        <v>7552</v>
      </c>
      <c r="B1462" t="s">
        <v>7553</v>
      </c>
      <c r="C1462" t="s">
        <v>7554</v>
      </c>
      <c r="D1462" t="s">
        <v>7555</v>
      </c>
      <c r="E1462" t="s">
        <v>17</v>
      </c>
      <c r="F1462" t="s">
        <v>7556</v>
      </c>
      <c r="G1462" t="s">
        <v>7557</v>
      </c>
    </row>
    <row r="1463" spans="1:7" x14ac:dyDescent="0.2">
      <c r="A1463" t="s">
        <v>7558</v>
      </c>
      <c r="B1463" t="s">
        <v>7559</v>
      </c>
      <c r="C1463" t="s">
        <v>7560</v>
      </c>
      <c r="D1463" t="s">
        <v>7561</v>
      </c>
      <c r="E1463" t="s">
        <v>11</v>
      </c>
      <c r="G1463" t="s">
        <v>7562</v>
      </c>
    </row>
    <row r="1464" spans="1:7" x14ac:dyDescent="0.2">
      <c r="A1464" t="s">
        <v>7563</v>
      </c>
      <c r="B1464" t="s">
        <v>7564</v>
      </c>
      <c r="C1464" t="s">
        <v>7565</v>
      </c>
      <c r="D1464" t="s">
        <v>7566</v>
      </c>
      <c r="E1464" t="s">
        <v>11</v>
      </c>
      <c r="G1464" t="s">
        <v>7567</v>
      </c>
    </row>
    <row r="1465" spans="1:7" x14ac:dyDescent="0.2">
      <c r="A1465" t="s">
        <v>7568</v>
      </c>
      <c r="B1465" t="s">
        <v>7569</v>
      </c>
      <c r="C1465" t="s">
        <v>7570</v>
      </c>
      <c r="D1465" t="s">
        <v>7571</v>
      </c>
      <c r="E1465" t="s">
        <v>17</v>
      </c>
      <c r="F1465" t="s">
        <v>1161</v>
      </c>
      <c r="G1465" t="s">
        <v>7572</v>
      </c>
    </row>
    <row r="1466" spans="1:7" x14ac:dyDescent="0.2">
      <c r="A1466" t="s">
        <v>7573</v>
      </c>
      <c r="B1466" t="s">
        <v>7574</v>
      </c>
      <c r="C1466" t="s">
        <v>7575</v>
      </c>
      <c r="D1466" t="s">
        <v>7576</v>
      </c>
      <c r="E1466" t="s">
        <v>17</v>
      </c>
      <c r="F1466" t="s">
        <v>7577</v>
      </c>
      <c r="G1466" t="s">
        <v>7578</v>
      </c>
    </row>
    <row r="1467" spans="1:7" x14ac:dyDescent="0.2">
      <c r="A1467" t="s">
        <v>7579</v>
      </c>
      <c r="B1467" t="s">
        <v>7580</v>
      </c>
      <c r="C1467" t="s">
        <v>7581</v>
      </c>
      <c r="D1467" t="s">
        <v>7582</v>
      </c>
      <c r="E1467" t="s">
        <v>11</v>
      </c>
      <c r="G1467" t="s">
        <v>7583</v>
      </c>
    </row>
    <row r="1468" spans="1:7" x14ac:dyDescent="0.2">
      <c r="A1468" t="s">
        <v>7584</v>
      </c>
      <c r="B1468" t="s">
        <v>7585</v>
      </c>
      <c r="C1468" t="s">
        <v>7586</v>
      </c>
      <c r="D1468" t="s">
        <v>7587</v>
      </c>
      <c r="E1468" t="s">
        <v>17</v>
      </c>
      <c r="F1468" t="s">
        <v>70</v>
      </c>
      <c r="G1468" t="s">
        <v>7588</v>
      </c>
    </row>
    <row r="1469" spans="1:7" x14ac:dyDescent="0.2">
      <c r="A1469" t="s">
        <v>7589</v>
      </c>
      <c r="B1469" t="s">
        <v>7590</v>
      </c>
      <c r="C1469" t="s">
        <v>7591</v>
      </c>
      <c r="D1469" t="s">
        <v>7592</v>
      </c>
      <c r="E1469" t="s">
        <v>17</v>
      </c>
      <c r="F1469" t="s">
        <v>7593</v>
      </c>
      <c r="G1469" t="s">
        <v>7594</v>
      </c>
    </row>
    <row r="1470" spans="1:7" x14ac:dyDescent="0.2">
      <c r="A1470" t="s">
        <v>7595</v>
      </c>
      <c r="B1470" t="s">
        <v>7596</v>
      </c>
      <c r="C1470" t="s">
        <v>7597</v>
      </c>
      <c r="D1470" t="s">
        <v>7598</v>
      </c>
      <c r="E1470" t="s">
        <v>17</v>
      </c>
      <c r="F1470" t="s">
        <v>70</v>
      </c>
      <c r="G1470" t="s">
        <v>7599</v>
      </c>
    </row>
    <row r="1471" spans="1:7" x14ac:dyDescent="0.2">
      <c r="A1471" t="s">
        <v>7600</v>
      </c>
      <c r="B1471" t="s">
        <v>7601</v>
      </c>
      <c r="C1471" t="s">
        <v>7602</v>
      </c>
      <c r="D1471" t="s">
        <v>7603</v>
      </c>
      <c r="E1471" t="s">
        <v>11</v>
      </c>
      <c r="G1471" t="s">
        <v>7604</v>
      </c>
    </row>
    <row r="1472" spans="1:7" x14ac:dyDescent="0.2">
      <c r="A1472" t="s">
        <v>7605</v>
      </c>
      <c r="B1472" t="s">
        <v>7606</v>
      </c>
      <c r="C1472" t="s">
        <v>7607</v>
      </c>
      <c r="D1472" t="s">
        <v>7608</v>
      </c>
      <c r="E1472" t="s">
        <v>287</v>
      </c>
      <c r="F1472" t="s">
        <v>1628</v>
      </c>
      <c r="G1472" t="s">
        <v>7609</v>
      </c>
    </row>
    <row r="1473" spans="1:7" x14ac:dyDescent="0.2">
      <c r="A1473" t="s">
        <v>7610</v>
      </c>
      <c r="B1473" t="s">
        <v>7611</v>
      </c>
      <c r="C1473" t="s">
        <v>7612</v>
      </c>
      <c r="D1473" t="s">
        <v>7613</v>
      </c>
      <c r="E1473" t="s">
        <v>17</v>
      </c>
      <c r="F1473" t="s">
        <v>45</v>
      </c>
      <c r="G1473" t="s">
        <v>7614</v>
      </c>
    </row>
    <row r="1474" spans="1:7" x14ac:dyDescent="0.2">
      <c r="A1474" t="s">
        <v>7615</v>
      </c>
      <c r="B1474" t="s">
        <v>7616</v>
      </c>
      <c r="C1474" t="s">
        <v>7617</v>
      </c>
      <c r="D1474" t="s">
        <v>7618</v>
      </c>
      <c r="E1474" t="s">
        <v>11</v>
      </c>
      <c r="G1474" t="s">
        <v>7619</v>
      </c>
    </row>
    <row r="1475" spans="1:7" x14ac:dyDescent="0.2">
      <c r="A1475" t="s">
        <v>7620</v>
      </c>
      <c r="B1475" t="s">
        <v>7621</v>
      </c>
      <c r="C1475" t="s">
        <v>7622</v>
      </c>
      <c r="D1475" t="s">
        <v>7623</v>
      </c>
      <c r="E1475" t="s">
        <v>11</v>
      </c>
      <c r="G1475" t="s">
        <v>7624</v>
      </c>
    </row>
    <row r="1476" spans="1:7" x14ac:dyDescent="0.2">
      <c r="A1476" t="s">
        <v>7625</v>
      </c>
      <c r="B1476" t="s">
        <v>7626</v>
      </c>
      <c r="C1476" t="s">
        <v>7627</v>
      </c>
      <c r="D1476" t="s">
        <v>7628</v>
      </c>
      <c r="E1476" t="s">
        <v>11</v>
      </c>
      <c r="G1476" t="s">
        <v>7629</v>
      </c>
    </row>
    <row r="1477" spans="1:7" x14ac:dyDescent="0.2">
      <c r="A1477" t="s">
        <v>7630</v>
      </c>
      <c r="B1477" t="s">
        <v>7631</v>
      </c>
      <c r="C1477" t="s">
        <v>7632</v>
      </c>
      <c r="D1477" t="s">
        <v>7633</v>
      </c>
      <c r="E1477" t="s">
        <v>11</v>
      </c>
      <c r="G1477" t="s">
        <v>7634</v>
      </c>
    </row>
    <row r="1478" spans="1:7" x14ac:dyDescent="0.2">
      <c r="A1478" t="s">
        <v>7635</v>
      </c>
      <c r="B1478" t="s">
        <v>7636</v>
      </c>
      <c r="C1478" t="s">
        <v>7637</v>
      </c>
      <c r="D1478" t="s">
        <v>7638</v>
      </c>
      <c r="E1478" t="s">
        <v>11</v>
      </c>
      <c r="G1478" t="s">
        <v>7639</v>
      </c>
    </row>
    <row r="1479" spans="1:7" x14ac:dyDescent="0.2">
      <c r="A1479" t="s">
        <v>7640</v>
      </c>
      <c r="B1479" t="s">
        <v>7641</v>
      </c>
      <c r="C1479" t="s">
        <v>7642</v>
      </c>
      <c r="D1479" t="s">
        <v>7643</v>
      </c>
      <c r="E1479" t="s">
        <v>17</v>
      </c>
      <c r="F1479" t="s">
        <v>70</v>
      </c>
      <c r="G1479" t="s">
        <v>7644</v>
      </c>
    </row>
    <row r="1480" spans="1:7" x14ac:dyDescent="0.2">
      <c r="A1480" t="s">
        <v>7645</v>
      </c>
      <c r="B1480" t="s">
        <v>7646</v>
      </c>
      <c r="C1480" t="s">
        <v>7647</v>
      </c>
      <c r="D1480" t="s">
        <v>7648</v>
      </c>
      <c r="E1480" t="s">
        <v>11</v>
      </c>
      <c r="G1480" t="s">
        <v>7649</v>
      </c>
    </row>
    <row r="1481" spans="1:7" x14ac:dyDescent="0.2">
      <c r="A1481" t="s">
        <v>7650</v>
      </c>
      <c r="B1481" t="s">
        <v>7651</v>
      </c>
      <c r="C1481" t="s">
        <v>7652</v>
      </c>
      <c r="D1481" t="s">
        <v>7653</v>
      </c>
      <c r="E1481" t="s">
        <v>11</v>
      </c>
      <c r="G1481" t="s">
        <v>7654</v>
      </c>
    </row>
    <row r="1482" spans="1:7" x14ac:dyDescent="0.2">
      <c r="A1482" t="s">
        <v>7655</v>
      </c>
      <c r="B1482" t="s">
        <v>7656</v>
      </c>
      <c r="C1482" t="s">
        <v>7657</v>
      </c>
      <c r="D1482" t="s">
        <v>7658</v>
      </c>
      <c r="E1482" t="s">
        <v>11</v>
      </c>
      <c r="G1482" t="s">
        <v>7659</v>
      </c>
    </row>
    <row r="1483" spans="1:7" x14ac:dyDescent="0.2">
      <c r="A1483" t="s">
        <v>7660</v>
      </c>
      <c r="B1483" t="s">
        <v>7661</v>
      </c>
      <c r="C1483" t="s">
        <v>7662</v>
      </c>
      <c r="D1483" t="s">
        <v>7663</v>
      </c>
      <c r="E1483" t="s">
        <v>11</v>
      </c>
      <c r="F1483" t="s">
        <v>7664</v>
      </c>
      <c r="G1483" t="s">
        <v>7665</v>
      </c>
    </row>
    <row r="1484" spans="1:7" x14ac:dyDescent="0.2">
      <c r="A1484" t="s">
        <v>7666</v>
      </c>
      <c r="B1484" t="s">
        <v>7667</v>
      </c>
      <c r="C1484" t="s">
        <v>7668</v>
      </c>
      <c r="D1484" t="s">
        <v>7669</v>
      </c>
      <c r="E1484" t="s">
        <v>287</v>
      </c>
      <c r="F1484" t="s">
        <v>1628</v>
      </c>
      <c r="G1484" t="s">
        <v>7670</v>
      </c>
    </row>
    <row r="1485" spans="1:7" x14ac:dyDescent="0.2">
      <c r="A1485" t="s">
        <v>7671</v>
      </c>
      <c r="B1485" t="s">
        <v>7672</v>
      </c>
      <c r="C1485" t="s">
        <v>7673</v>
      </c>
      <c r="D1485" t="s">
        <v>7674</v>
      </c>
      <c r="E1485" t="s">
        <v>11</v>
      </c>
      <c r="G1485" t="s">
        <v>7675</v>
      </c>
    </row>
    <row r="1486" spans="1:7" x14ac:dyDescent="0.2">
      <c r="A1486" t="s">
        <v>7676</v>
      </c>
      <c r="B1486" t="s">
        <v>7677</v>
      </c>
      <c r="C1486" t="s">
        <v>7678</v>
      </c>
      <c r="D1486" t="s">
        <v>7679</v>
      </c>
      <c r="E1486" t="s">
        <v>11</v>
      </c>
      <c r="G1486" t="s">
        <v>7680</v>
      </c>
    </row>
    <row r="1487" spans="1:7" x14ac:dyDescent="0.2">
      <c r="A1487" t="s">
        <v>7681</v>
      </c>
      <c r="B1487" t="s">
        <v>7682</v>
      </c>
      <c r="C1487" t="s">
        <v>7683</v>
      </c>
      <c r="D1487" t="s">
        <v>7684</v>
      </c>
      <c r="E1487" t="s">
        <v>11</v>
      </c>
      <c r="G1487" t="s">
        <v>7685</v>
      </c>
    </row>
    <row r="1488" spans="1:7" x14ac:dyDescent="0.2">
      <c r="A1488" t="s">
        <v>7686</v>
      </c>
      <c r="B1488" t="s">
        <v>7687</v>
      </c>
      <c r="C1488" t="s">
        <v>7688</v>
      </c>
      <c r="D1488" t="s">
        <v>7689</v>
      </c>
      <c r="E1488" t="s">
        <v>11</v>
      </c>
      <c r="G1488" t="s">
        <v>7690</v>
      </c>
    </row>
    <row r="1489" spans="1:7" x14ac:dyDescent="0.2">
      <c r="A1489" t="s">
        <v>7691</v>
      </c>
      <c r="B1489" t="s">
        <v>7692</v>
      </c>
      <c r="C1489" t="s">
        <v>7693</v>
      </c>
      <c r="D1489" t="s">
        <v>7694</v>
      </c>
      <c r="E1489" t="s">
        <v>11</v>
      </c>
      <c r="G1489" t="s">
        <v>7695</v>
      </c>
    </row>
    <row r="1490" spans="1:7" x14ac:dyDescent="0.2">
      <c r="A1490" t="s">
        <v>7696</v>
      </c>
      <c r="B1490" t="s">
        <v>7697</v>
      </c>
      <c r="C1490" t="s">
        <v>7698</v>
      </c>
      <c r="D1490" t="s">
        <v>7699</v>
      </c>
      <c r="E1490" t="s">
        <v>11</v>
      </c>
      <c r="G1490" t="s">
        <v>7700</v>
      </c>
    </row>
    <row r="1491" spans="1:7" x14ac:dyDescent="0.2">
      <c r="A1491" t="s">
        <v>7701</v>
      </c>
      <c r="B1491" t="s">
        <v>7702</v>
      </c>
      <c r="C1491" t="s">
        <v>7703</v>
      </c>
      <c r="D1491" t="s">
        <v>7704</v>
      </c>
      <c r="E1491" t="s">
        <v>11</v>
      </c>
      <c r="G1491" t="s">
        <v>7705</v>
      </c>
    </row>
    <row r="1492" spans="1:7" x14ac:dyDescent="0.2">
      <c r="A1492" t="s">
        <v>7706</v>
      </c>
      <c r="B1492" t="s">
        <v>7707</v>
      </c>
      <c r="C1492" t="s">
        <v>7708</v>
      </c>
      <c r="D1492" t="s">
        <v>7709</v>
      </c>
      <c r="E1492" t="s">
        <v>287</v>
      </c>
      <c r="F1492" t="s">
        <v>332</v>
      </c>
      <c r="G1492" t="s">
        <v>7710</v>
      </c>
    </row>
    <row r="1493" spans="1:7" x14ac:dyDescent="0.2">
      <c r="A1493" t="s">
        <v>7711</v>
      </c>
      <c r="B1493" t="s">
        <v>7712</v>
      </c>
      <c r="C1493" t="s">
        <v>7713</v>
      </c>
      <c r="D1493" t="s">
        <v>7714</v>
      </c>
      <c r="E1493" t="s">
        <v>11</v>
      </c>
      <c r="G1493" t="s">
        <v>7715</v>
      </c>
    </row>
    <row r="1494" spans="1:7" x14ac:dyDescent="0.2">
      <c r="A1494" t="s">
        <v>7716</v>
      </c>
      <c r="B1494" t="s">
        <v>7717</v>
      </c>
      <c r="C1494" t="s">
        <v>7718</v>
      </c>
      <c r="D1494" t="s">
        <v>7719</v>
      </c>
      <c r="E1494" t="s">
        <v>11</v>
      </c>
      <c r="G1494" t="s">
        <v>7720</v>
      </c>
    </row>
    <row r="1495" spans="1:7" x14ac:dyDescent="0.2">
      <c r="A1495" t="s">
        <v>7721</v>
      </c>
      <c r="B1495" t="s">
        <v>7722</v>
      </c>
      <c r="C1495" t="s">
        <v>7723</v>
      </c>
      <c r="D1495" t="s">
        <v>7724</v>
      </c>
      <c r="E1495" t="s">
        <v>287</v>
      </c>
      <c r="F1495" t="s">
        <v>332</v>
      </c>
      <c r="G1495" t="s">
        <v>7725</v>
      </c>
    </row>
    <row r="1496" spans="1:7" x14ac:dyDescent="0.2">
      <c r="A1496" t="s">
        <v>7726</v>
      </c>
      <c r="B1496" t="s">
        <v>7727</v>
      </c>
      <c r="C1496" t="s">
        <v>7728</v>
      </c>
      <c r="D1496" t="s">
        <v>7729</v>
      </c>
      <c r="E1496" t="s">
        <v>11</v>
      </c>
      <c r="G1496" t="s">
        <v>7730</v>
      </c>
    </row>
    <row r="1497" spans="1:7" x14ac:dyDescent="0.2">
      <c r="A1497" t="s">
        <v>7731</v>
      </c>
      <c r="B1497" t="s">
        <v>7732</v>
      </c>
      <c r="C1497" t="s">
        <v>7733</v>
      </c>
      <c r="D1497" t="s">
        <v>7734</v>
      </c>
      <c r="E1497" t="s">
        <v>11</v>
      </c>
      <c r="G1497" t="s">
        <v>7735</v>
      </c>
    </row>
    <row r="1498" spans="1:7" x14ac:dyDescent="0.2">
      <c r="A1498" t="s">
        <v>7736</v>
      </c>
      <c r="B1498" t="s">
        <v>7737</v>
      </c>
      <c r="C1498" t="s">
        <v>7738</v>
      </c>
      <c r="D1498" t="s">
        <v>7739</v>
      </c>
      <c r="E1498" t="s">
        <v>11</v>
      </c>
      <c r="G1498" t="s">
        <v>7740</v>
      </c>
    </row>
    <row r="1499" spans="1:7" x14ac:dyDescent="0.2">
      <c r="A1499" t="s">
        <v>7741</v>
      </c>
      <c r="B1499" t="s">
        <v>7742</v>
      </c>
      <c r="C1499" t="s">
        <v>7743</v>
      </c>
      <c r="D1499" t="s">
        <v>7744</v>
      </c>
      <c r="E1499" t="s">
        <v>17</v>
      </c>
      <c r="F1499" t="s">
        <v>98</v>
      </c>
      <c r="G1499" t="s">
        <v>7745</v>
      </c>
    </row>
    <row r="1500" spans="1:7" x14ac:dyDescent="0.2">
      <c r="A1500" t="s">
        <v>7746</v>
      </c>
      <c r="B1500" t="s">
        <v>7747</v>
      </c>
      <c r="C1500" t="s">
        <v>7748</v>
      </c>
      <c r="D1500" t="s">
        <v>7749</v>
      </c>
      <c r="E1500" t="s">
        <v>17</v>
      </c>
      <c r="F1500" t="s">
        <v>683</v>
      </c>
      <c r="G1500" t="s">
        <v>7750</v>
      </c>
    </row>
    <row r="1501" spans="1:7" x14ac:dyDescent="0.2">
      <c r="A1501" t="s">
        <v>7751</v>
      </c>
      <c r="B1501" t="s">
        <v>7752</v>
      </c>
      <c r="C1501" t="s">
        <v>7753</v>
      </c>
      <c r="D1501" t="s">
        <v>7754</v>
      </c>
      <c r="E1501" t="s">
        <v>17</v>
      </c>
      <c r="F1501" t="s">
        <v>5608</v>
      </c>
      <c r="G1501" t="s">
        <v>7755</v>
      </c>
    </row>
    <row r="1502" spans="1:7" x14ac:dyDescent="0.2">
      <c r="A1502" t="s">
        <v>7756</v>
      </c>
      <c r="B1502" t="s">
        <v>7757</v>
      </c>
      <c r="C1502" t="s">
        <v>7758</v>
      </c>
      <c r="D1502" t="s">
        <v>7759</v>
      </c>
      <c r="E1502" t="s">
        <v>11</v>
      </c>
      <c r="G1502" t="s">
        <v>7760</v>
      </c>
    </row>
    <row r="1503" spans="1:7" x14ac:dyDescent="0.2">
      <c r="A1503" t="s">
        <v>7761</v>
      </c>
      <c r="B1503" t="s">
        <v>7762</v>
      </c>
      <c r="C1503" t="s">
        <v>7763</v>
      </c>
      <c r="D1503" t="s">
        <v>7764</v>
      </c>
      <c r="E1503" t="s">
        <v>17</v>
      </c>
      <c r="F1503" t="s">
        <v>7765</v>
      </c>
      <c r="G1503" t="s">
        <v>7766</v>
      </c>
    </row>
    <row r="1504" spans="1:7" x14ac:dyDescent="0.2">
      <c r="A1504" t="s">
        <v>7767</v>
      </c>
      <c r="B1504" t="s">
        <v>7768</v>
      </c>
      <c r="C1504" t="s">
        <v>7769</v>
      </c>
      <c r="D1504" t="s">
        <v>7770</v>
      </c>
      <c r="E1504" t="s">
        <v>17</v>
      </c>
      <c r="F1504" t="s">
        <v>70</v>
      </c>
      <c r="G1504" t="s">
        <v>7771</v>
      </c>
    </row>
    <row r="1505" spans="1:7" x14ac:dyDescent="0.2">
      <c r="A1505" t="s">
        <v>7772</v>
      </c>
      <c r="B1505" t="s">
        <v>7773</v>
      </c>
      <c r="C1505" t="s">
        <v>7774</v>
      </c>
      <c r="D1505" t="s">
        <v>7775</v>
      </c>
      <c r="E1505" t="s">
        <v>17</v>
      </c>
      <c r="F1505" t="s">
        <v>70</v>
      </c>
      <c r="G1505" t="s">
        <v>7776</v>
      </c>
    </row>
    <row r="1506" spans="1:7" x14ac:dyDescent="0.2">
      <c r="A1506" t="s">
        <v>7777</v>
      </c>
      <c r="B1506" t="s">
        <v>7778</v>
      </c>
      <c r="C1506" t="s">
        <v>7779</v>
      </c>
      <c r="D1506" t="s">
        <v>7780</v>
      </c>
      <c r="E1506" t="s">
        <v>11</v>
      </c>
      <c r="G1506" t="s">
        <v>7781</v>
      </c>
    </row>
    <row r="1507" spans="1:7" x14ac:dyDescent="0.2">
      <c r="A1507" t="s">
        <v>7782</v>
      </c>
      <c r="B1507" t="s">
        <v>7783</v>
      </c>
      <c r="C1507" t="s">
        <v>7784</v>
      </c>
      <c r="D1507" t="s">
        <v>7785</v>
      </c>
      <c r="E1507" t="s">
        <v>17</v>
      </c>
      <c r="F1507" t="s">
        <v>70</v>
      </c>
      <c r="G1507" t="s">
        <v>7786</v>
      </c>
    </row>
    <row r="1508" spans="1:7" x14ac:dyDescent="0.2">
      <c r="A1508" t="s">
        <v>7787</v>
      </c>
      <c r="B1508" t="s">
        <v>7788</v>
      </c>
      <c r="C1508" t="s">
        <v>7789</v>
      </c>
      <c r="D1508" t="s">
        <v>7790</v>
      </c>
      <c r="E1508" t="s">
        <v>17</v>
      </c>
      <c r="F1508" t="s">
        <v>7791</v>
      </c>
      <c r="G1508" t="s">
        <v>7792</v>
      </c>
    </row>
    <row r="1509" spans="1:7" x14ac:dyDescent="0.2">
      <c r="A1509" t="s">
        <v>7793</v>
      </c>
      <c r="B1509" t="s">
        <v>7794</v>
      </c>
      <c r="C1509" t="s">
        <v>7795</v>
      </c>
      <c r="D1509" t="s">
        <v>7796</v>
      </c>
      <c r="E1509" t="s">
        <v>17</v>
      </c>
      <c r="F1509" t="s">
        <v>2410</v>
      </c>
      <c r="G1509" t="s">
        <v>7797</v>
      </c>
    </row>
    <row r="1510" spans="1:7" x14ac:dyDescent="0.2">
      <c r="A1510" t="s">
        <v>7798</v>
      </c>
      <c r="B1510" t="s">
        <v>7799</v>
      </c>
      <c r="C1510" t="s">
        <v>7800</v>
      </c>
      <c r="D1510" t="s">
        <v>7801</v>
      </c>
      <c r="E1510" t="s">
        <v>17</v>
      </c>
      <c r="F1510" t="s">
        <v>70</v>
      </c>
      <c r="G1510" t="s">
        <v>7802</v>
      </c>
    </row>
    <row r="1511" spans="1:7" x14ac:dyDescent="0.2">
      <c r="A1511" t="s">
        <v>7803</v>
      </c>
      <c r="B1511" t="s">
        <v>7804</v>
      </c>
      <c r="C1511" t="s">
        <v>7805</v>
      </c>
      <c r="D1511" t="s">
        <v>7801</v>
      </c>
      <c r="E1511" t="s">
        <v>17</v>
      </c>
      <c r="F1511" t="s">
        <v>70</v>
      </c>
      <c r="G1511" t="s">
        <v>7806</v>
      </c>
    </row>
    <row r="1512" spans="1:7" x14ac:dyDescent="0.2">
      <c r="A1512" t="s">
        <v>7807</v>
      </c>
      <c r="B1512" t="s">
        <v>7808</v>
      </c>
      <c r="C1512" t="s">
        <v>7809</v>
      </c>
      <c r="D1512" t="s">
        <v>7810</v>
      </c>
      <c r="E1512" t="s">
        <v>17</v>
      </c>
      <c r="F1512" t="s">
        <v>98</v>
      </c>
      <c r="G1512" t="s">
        <v>7811</v>
      </c>
    </row>
    <row r="1513" spans="1:7" x14ac:dyDescent="0.2">
      <c r="A1513" t="s">
        <v>7812</v>
      </c>
      <c r="B1513" t="s">
        <v>7813</v>
      </c>
      <c r="C1513" t="s">
        <v>7814</v>
      </c>
      <c r="D1513" t="s">
        <v>7815</v>
      </c>
      <c r="E1513" t="s">
        <v>17</v>
      </c>
      <c r="F1513" t="s">
        <v>98</v>
      </c>
      <c r="G1513" t="s">
        <v>7816</v>
      </c>
    </row>
    <row r="1514" spans="1:7" x14ac:dyDescent="0.2">
      <c r="A1514" t="s">
        <v>7817</v>
      </c>
      <c r="B1514" t="s">
        <v>7818</v>
      </c>
      <c r="C1514" t="s">
        <v>7819</v>
      </c>
      <c r="D1514" t="s">
        <v>7820</v>
      </c>
      <c r="E1514" t="s">
        <v>17</v>
      </c>
      <c r="F1514" t="s">
        <v>98</v>
      </c>
      <c r="G1514" t="s">
        <v>7821</v>
      </c>
    </row>
    <row r="1515" spans="1:7" x14ac:dyDescent="0.2">
      <c r="A1515" t="s">
        <v>7822</v>
      </c>
      <c r="B1515" t="s">
        <v>7823</v>
      </c>
      <c r="C1515" t="s">
        <v>7824</v>
      </c>
      <c r="D1515" t="s">
        <v>3682</v>
      </c>
      <c r="E1515" t="s">
        <v>63</v>
      </c>
      <c r="F1515" t="s">
        <v>7825</v>
      </c>
      <c r="G1515" t="s">
        <v>7826</v>
      </c>
    </row>
    <row r="1516" spans="1:7" x14ac:dyDescent="0.2">
      <c r="A1516" t="s">
        <v>7827</v>
      </c>
      <c r="B1516" t="s">
        <v>7828</v>
      </c>
      <c r="C1516" t="s">
        <v>7829</v>
      </c>
      <c r="D1516" t="s">
        <v>7830</v>
      </c>
      <c r="E1516" t="s">
        <v>17</v>
      </c>
      <c r="F1516" t="s">
        <v>7831</v>
      </c>
      <c r="G1516" t="s">
        <v>7832</v>
      </c>
    </row>
    <row r="1517" spans="1:7" x14ac:dyDescent="0.2">
      <c r="A1517" t="s">
        <v>7833</v>
      </c>
      <c r="B1517" t="s">
        <v>7834</v>
      </c>
      <c r="C1517" t="s">
        <v>7835</v>
      </c>
      <c r="D1517" t="s">
        <v>7836</v>
      </c>
      <c r="E1517" t="s">
        <v>17</v>
      </c>
      <c r="F1517" t="s">
        <v>7831</v>
      </c>
      <c r="G1517" t="s">
        <v>7837</v>
      </c>
    </row>
    <row r="1518" spans="1:7" x14ac:dyDescent="0.2">
      <c r="A1518" t="s">
        <v>7838</v>
      </c>
      <c r="B1518" t="s">
        <v>7839</v>
      </c>
      <c r="C1518" t="s">
        <v>7840</v>
      </c>
      <c r="D1518" t="s">
        <v>7841</v>
      </c>
      <c r="E1518" t="s">
        <v>17</v>
      </c>
      <c r="F1518" t="s">
        <v>2410</v>
      </c>
      <c r="G1518" t="s">
        <v>7842</v>
      </c>
    </row>
    <row r="1519" spans="1:7" x14ac:dyDescent="0.2">
      <c r="A1519" t="s">
        <v>7843</v>
      </c>
      <c r="B1519" t="s">
        <v>7844</v>
      </c>
      <c r="C1519" t="s">
        <v>7845</v>
      </c>
      <c r="D1519" t="s">
        <v>7846</v>
      </c>
      <c r="E1519" t="s">
        <v>17</v>
      </c>
      <c r="F1519" t="s">
        <v>70</v>
      </c>
      <c r="G1519" t="s">
        <v>7847</v>
      </c>
    </row>
    <row r="1520" spans="1:7" x14ac:dyDescent="0.2">
      <c r="A1520" t="s">
        <v>7848</v>
      </c>
      <c r="B1520" t="s">
        <v>7849</v>
      </c>
      <c r="C1520" t="s">
        <v>7850</v>
      </c>
      <c r="D1520" t="s">
        <v>7851</v>
      </c>
      <c r="E1520" t="s">
        <v>17</v>
      </c>
      <c r="F1520" t="s">
        <v>70</v>
      </c>
      <c r="G1520" t="s">
        <v>7852</v>
      </c>
    </row>
    <row r="1521" spans="1:7" x14ac:dyDescent="0.2">
      <c r="A1521" t="s">
        <v>7853</v>
      </c>
      <c r="B1521" t="s">
        <v>7854</v>
      </c>
      <c r="C1521" t="s">
        <v>7855</v>
      </c>
      <c r="D1521" t="s">
        <v>7856</v>
      </c>
      <c r="E1521" t="s">
        <v>17</v>
      </c>
      <c r="F1521" t="s">
        <v>70</v>
      </c>
      <c r="G1521" t="s">
        <v>7857</v>
      </c>
    </row>
    <row r="1522" spans="1:7" x14ac:dyDescent="0.2">
      <c r="A1522" t="s">
        <v>7858</v>
      </c>
      <c r="B1522" t="s">
        <v>7859</v>
      </c>
      <c r="C1522" t="s">
        <v>7860</v>
      </c>
      <c r="D1522" t="s">
        <v>7861</v>
      </c>
      <c r="E1522" t="s">
        <v>17</v>
      </c>
      <c r="F1522" t="s">
        <v>45</v>
      </c>
      <c r="G1522" t="s">
        <v>7862</v>
      </c>
    </row>
    <row r="1523" spans="1:7" x14ac:dyDescent="0.2">
      <c r="A1523" t="s">
        <v>7863</v>
      </c>
      <c r="B1523" t="s">
        <v>7864</v>
      </c>
      <c r="C1523" t="s">
        <v>7865</v>
      </c>
      <c r="D1523" t="s">
        <v>7866</v>
      </c>
      <c r="E1523" t="s">
        <v>17</v>
      </c>
      <c r="F1523" t="s">
        <v>45</v>
      </c>
      <c r="G1523" t="s">
        <v>7867</v>
      </c>
    </row>
    <row r="1524" spans="1:7" x14ac:dyDescent="0.2">
      <c r="A1524" t="s">
        <v>7868</v>
      </c>
      <c r="B1524" t="s">
        <v>7869</v>
      </c>
      <c r="C1524" t="s">
        <v>7870</v>
      </c>
      <c r="D1524" t="s">
        <v>7871</v>
      </c>
      <c r="E1524" t="s">
        <v>17</v>
      </c>
      <c r="F1524" t="s">
        <v>45</v>
      </c>
      <c r="G1524" t="s">
        <v>7872</v>
      </c>
    </row>
    <row r="1525" spans="1:7" x14ac:dyDescent="0.2">
      <c r="A1525" t="s">
        <v>7873</v>
      </c>
      <c r="B1525" t="s">
        <v>7874</v>
      </c>
      <c r="C1525" t="s">
        <v>7875</v>
      </c>
      <c r="D1525" t="s">
        <v>7876</v>
      </c>
      <c r="E1525" t="s">
        <v>17</v>
      </c>
      <c r="F1525" t="s">
        <v>45</v>
      </c>
      <c r="G1525" t="s">
        <v>7877</v>
      </c>
    </row>
    <row r="1526" spans="1:7" x14ac:dyDescent="0.2">
      <c r="A1526" t="s">
        <v>7878</v>
      </c>
      <c r="B1526" t="s">
        <v>7879</v>
      </c>
      <c r="C1526" t="s">
        <v>7880</v>
      </c>
      <c r="D1526" t="s">
        <v>7881</v>
      </c>
      <c r="E1526" t="s">
        <v>17</v>
      </c>
      <c r="F1526" t="s">
        <v>70</v>
      </c>
      <c r="G1526" t="s">
        <v>7882</v>
      </c>
    </row>
    <row r="1527" spans="1:7" x14ac:dyDescent="0.2">
      <c r="A1527" t="s">
        <v>7883</v>
      </c>
      <c r="B1527" t="s">
        <v>7884</v>
      </c>
      <c r="C1527" t="s">
        <v>7885</v>
      </c>
      <c r="D1527" t="s">
        <v>7886</v>
      </c>
      <c r="E1527" t="s">
        <v>17</v>
      </c>
      <c r="F1527" t="s">
        <v>310</v>
      </c>
      <c r="G1527" t="s">
        <v>7887</v>
      </c>
    </row>
    <row r="1528" spans="1:7" x14ac:dyDescent="0.2">
      <c r="A1528" t="s">
        <v>7888</v>
      </c>
      <c r="B1528" t="s">
        <v>7889</v>
      </c>
      <c r="C1528" t="s">
        <v>7890</v>
      </c>
      <c r="D1528" t="s">
        <v>7891</v>
      </c>
      <c r="E1528" t="s">
        <v>17</v>
      </c>
      <c r="F1528" t="s">
        <v>7892</v>
      </c>
      <c r="G1528" t="s">
        <v>7893</v>
      </c>
    </row>
    <row r="1529" spans="1:7" x14ac:dyDescent="0.2">
      <c r="A1529" t="s">
        <v>7894</v>
      </c>
      <c r="B1529" t="s">
        <v>7895</v>
      </c>
      <c r="C1529" t="s">
        <v>7896</v>
      </c>
      <c r="D1529" t="s">
        <v>7897</v>
      </c>
      <c r="E1529" t="s">
        <v>11</v>
      </c>
      <c r="G1529" t="s">
        <v>7898</v>
      </c>
    </row>
    <row r="1530" spans="1:7" x14ac:dyDescent="0.2">
      <c r="A1530" t="s">
        <v>7899</v>
      </c>
      <c r="B1530" t="s">
        <v>7900</v>
      </c>
      <c r="C1530" t="s">
        <v>7901</v>
      </c>
      <c r="D1530" t="s">
        <v>7902</v>
      </c>
      <c r="E1530" t="s">
        <v>17</v>
      </c>
      <c r="F1530" t="s">
        <v>7903</v>
      </c>
      <c r="G1530" t="s">
        <v>7904</v>
      </c>
    </row>
    <row r="1531" spans="1:7" x14ac:dyDescent="0.2">
      <c r="A1531" t="s">
        <v>7905</v>
      </c>
      <c r="B1531" t="s">
        <v>7906</v>
      </c>
      <c r="C1531" t="s">
        <v>7907</v>
      </c>
      <c r="D1531" t="s">
        <v>7908</v>
      </c>
      <c r="E1531" t="s">
        <v>17</v>
      </c>
      <c r="F1531" t="s">
        <v>70</v>
      </c>
      <c r="G1531" t="s">
        <v>7909</v>
      </c>
    </row>
    <row r="1532" spans="1:7" x14ac:dyDescent="0.2">
      <c r="A1532" t="s">
        <v>7910</v>
      </c>
      <c r="B1532" t="s">
        <v>7911</v>
      </c>
      <c r="C1532" t="s">
        <v>7912</v>
      </c>
      <c r="D1532" t="s">
        <v>7913</v>
      </c>
      <c r="E1532" t="s">
        <v>17</v>
      </c>
      <c r="F1532" t="s">
        <v>45</v>
      </c>
      <c r="G1532" t="s">
        <v>7914</v>
      </c>
    </row>
    <row r="1533" spans="1:7" x14ac:dyDescent="0.2">
      <c r="A1533" t="s">
        <v>7915</v>
      </c>
      <c r="B1533" t="s">
        <v>7916</v>
      </c>
      <c r="C1533" t="s">
        <v>7917</v>
      </c>
      <c r="D1533" t="s">
        <v>7918</v>
      </c>
      <c r="E1533" t="s">
        <v>17</v>
      </c>
      <c r="F1533" t="s">
        <v>6290</v>
      </c>
      <c r="G1533" t="s">
        <v>7919</v>
      </c>
    </row>
    <row r="1534" spans="1:7" x14ac:dyDescent="0.2">
      <c r="A1534" t="s">
        <v>7920</v>
      </c>
      <c r="B1534" t="s">
        <v>7921</v>
      </c>
      <c r="C1534" t="s">
        <v>7922</v>
      </c>
      <c r="D1534" t="s">
        <v>7923</v>
      </c>
      <c r="E1534" t="s">
        <v>17</v>
      </c>
      <c r="F1534" t="s">
        <v>45</v>
      </c>
      <c r="G1534" t="s">
        <v>7924</v>
      </c>
    </row>
    <row r="1535" spans="1:7" x14ac:dyDescent="0.2">
      <c r="A1535" t="s">
        <v>7925</v>
      </c>
      <c r="B1535" t="s">
        <v>7926</v>
      </c>
      <c r="C1535" t="s">
        <v>7927</v>
      </c>
      <c r="D1535" t="s">
        <v>7928</v>
      </c>
      <c r="E1535" t="s">
        <v>17</v>
      </c>
      <c r="F1535" t="s">
        <v>7929</v>
      </c>
      <c r="G1535" t="s">
        <v>7930</v>
      </c>
    </row>
    <row r="1536" spans="1:7" x14ac:dyDescent="0.2">
      <c r="A1536" t="s">
        <v>7931</v>
      </c>
      <c r="B1536" t="s">
        <v>7932</v>
      </c>
      <c r="C1536" t="s">
        <v>7933</v>
      </c>
      <c r="D1536" t="s">
        <v>129</v>
      </c>
      <c r="E1536" t="s">
        <v>17</v>
      </c>
      <c r="F1536" t="s">
        <v>7934</v>
      </c>
      <c r="G1536" t="s">
        <v>7935</v>
      </c>
    </row>
    <row r="1537" spans="1:7" x14ac:dyDescent="0.2">
      <c r="A1537" t="s">
        <v>7936</v>
      </c>
      <c r="B1537" t="s">
        <v>7937</v>
      </c>
      <c r="C1537" t="s">
        <v>7938</v>
      </c>
      <c r="D1537" t="s">
        <v>7939</v>
      </c>
      <c r="E1537" t="s">
        <v>17</v>
      </c>
      <c r="F1537" t="s">
        <v>70</v>
      </c>
      <c r="G1537" t="s">
        <v>7940</v>
      </c>
    </row>
    <row r="1538" spans="1:7" x14ac:dyDescent="0.2">
      <c r="A1538" t="s">
        <v>7941</v>
      </c>
      <c r="B1538" t="s">
        <v>7942</v>
      </c>
      <c r="C1538" t="s">
        <v>7943</v>
      </c>
      <c r="D1538" t="s">
        <v>7944</v>
      </c>
      <c r="E1538" t="s">
        <v>11</v>
      </c>
      <c r="G1538" t="s">
        <v>7945</v>
      </c>
    </row>
    <row r="1539" spans="1:7" x14ac:dyDescent="0.2">
      <c r="A1539" t="s">
        <v>7946</v>
      </c>
      <c r="B1539" t="s">
        <v>7947</v>
      </c>
      <c r="C1539" t="s">
        <v>7948</v>
      </c>
      <c r="D1539" t="s">
        <v>7949</v>
      </c>
      <c r="E1539" t="s">
        <v>11</v>
      </c>
      <c r="G1539" t="s">
        <v>7950</v>
      </c>
    </row>
    <row r="1540" spans="1:7" x14ac:dyDescent="0.2">
      <c r="A1540" t="s">
        <v>7951</v>
      </c>
      <c r="B1540" t="s">
        <v>7952</v>
      </c>
      <c r="C1540" t="s">
        <v>7953</v>
      </c>
      <c r="D1540" t="s">
        <v>7954</v>
      </c>
      <c r="E1540" t="s">
        <v>17</v>
      </c>
      <c r="F1540" t="s">
        <v>45</v>
      </c>
      <c r="G1540" t="s">
        <v>7955</v>
      </c>
    </row>
    <row r="1541" spans="1:7" x14ac:dyDescent="0.2">
      <c r="A1541" t="s">
        <v>7956</v>
      </c>
      <c r="B1541" t="s">
        <v>7957</v>
      </c>
      <c r="C1541" t="s">
        <v>7958</v>
      </c>
      <c r="D1541" t="s">
        <v>7959</v>
      </c>
      <c r="E1541" t="s">
        <v>17</v>
      </c>
      <c r="F1541" t="s">
        <v>70</v>
      </c>
      <c r="G1541" t="s">
        <v>7960</v>
      </c>
    </row>
    <row r="1542" spans="1:7" x14ac:dyDescent="0.2">
      <c r="A1542" t="s">
        <v>7961</v>
      </c>
      <c r="B1542" t="s">
        <v>7962</v>
      </c>
      <c r="C1542" t="s">
        <v>7963</v>
      </c>
      <c r="D1542" t="s">
        <v>7964</v>
      </c>
      <c r="E1542" t="s">
        <v>17</v>
      </c>
      <c r="F1542" t="s">
        <v>45</v>
      </c>
      <c r="G1542" t="s">
        <v>7965</v>
      </c>
    </row>
    <row r="1543" spans="1:7" x14ac:dyDescent="0.2">
      <c r="A1543" t="s">
        <v>7966</v>
      </c>
      <c r="B1543" t="s">
        <v>7967</v>
      </c>
      <c r="C1543" t="s">
        <v>7968</v>
      </c>
      <c r="D1543" t="s">
        <v>7969</v>
      </c>
      <c r="E1543" t="s">
        <v>17</v>
      </c>
      <c r="F1543" t="s">
        <v>18</v>
      </c>
      <c r="G1543" t="s">
        <v>7970</v>
      </c>
    </row>
    <row r="1544" spans="1:7" x14ac:dyDescent="0.2">
      <c r="A1544" t="s">
        <v>7971</v>
      </c>
      <c r="B1544" t="s">
        <v>7972</v>
      </c>
      <c r="C1544" t="s">
        <v>7973</v>
      </c>
      <c r="D1544" t="s">
        <v>7974</v>
      </c>
      <c r="E1544" t="s">
        <v>17</v>
      </c>
      <c r="F1544" t="s">
        <v>45</v>
      </c>
      <c r="G1544" t="s">
        <v>7975</v>
      </c>
    </row>
    <row r="1545" spans="1:7" x14ac:dyDescent="0.2">
      <c r="A1545" t="s">
        <v>7976</v>
      </c>
      <c r="B1545" t="s">
        <v>7977</v>
      </c>
      <c r="C1545" t="s">
        <v>7978</v>
      </c>
      <c r="D1545" t="s">
        <v>7979</v>
      </c>
      <c r="E1545" t="s">
        <v>11</v>
      </c>
      <c r="G1545" t="s">
        <v>7980</v>
      </c>
    </row>
    <row r="1546" spans="1:7" x14ac:dyDescent="0.2">
      <c r="A1546" t="s">
        <v>7981</v>
      </c>
      <c r="B1546" t="s">
        <v>7982</v>
      </c>
      <c r="C1546" t="s">
        <v>7983</v>
      </c>
      <c r="D1546" t="s">
        <v>7984</v>
      </c>
      <c r="E1546" t="s">
        <v>17</v>
      </c>
      <c r="F1546" t="s">
        <v>7985</v>
      </c>
      <c r="G1546" t="s">
        <v>7986</v>
      </c>
    </row>
    <row r="1547" spans="1:7" x14ac:dyDescent="0.2">
      <c r="A1547" t="s">
        <v>7987</v>
      </c>
      <c r="B1547" t="s">
        <v>7988</v>
      </c>
      <c r="C1547" t="s">
        <v>7989</v>
      </c>
      <c r="D1547" t="s">
        <v>7990</v>
      </c>
      <c r="E1547" t="s">
        <v>17</v>
      </c>
      <c r="F1547" t="s">
        <v>98</v>
      </c>
      <c r="G1547" t="s">
        <v>7991</v>
      </c>
    </row>
    <row r="1548" spans="1:7" x14ac:dyDescent="0.2">
      <c r="A1548" t="s">
        <v>7992</v>
      </c>
      <c r="B1548" t="s">
        <v>7993</v>
      </c>
      <c r="C1548" t="s">
        <v>7994</v>
      </c>
      <c r="D1548" t="s">
        <v>7995</v>
      </c>
      <c r="E1548" t="s">
        <v>17</v>
      </c>
      <c r="F1548" t="s">
        <v>310</v>
      </c>
      <c r="G1548" t="s">
        <v>7996</v>
      </c>
    </row>
    <row r="1549" spans="1:7" x14ac:dyDescent="0.2">
      <c r="A1549" t="s">
        <v>7997</v>
      </c>
      <c r="B1549" t="s">
        <v>7998</v>
      </c>
      <c r="C1549" t="s">
        <v>7999</v>
      </c>
      <c r="D1549" t="s">
        <v>8000</v>
      </c>
      <c r="E1549" t="s">
        <v>17</v>
      </c>
      <c r="F1549" t="s">
        <v>70</v>
      </c>
      <c r="G1549" t="s">
        <v>8001</v>
      </c>
    </row>
    <row r="1550" spans="1:7" x14ac:dyDescent="0.2">
      <c r="A1550" t="s">
        <v>8002</v>
      </c>
      <c r="B1550" t="s">
        <v>8003</v>
      </c>
      <c r="C1550" t="s">
        <v>8004</v>
      </c>
      <c r="D1550" t="s">
        <v>8005</v>
      </c>
      <c r="E1550" t="s">
        <v>17</v>
      </c>
      <c r="F1550" t="s">
        <v>70</v>
      </c>
      <c r="G1550" t="s">
        <v>8006</v>
      </c>
    </row>
    <row r="1551" spans="1:7" x14ac:dyDescent="0.2">
      <c r="A1551" t="s">
        <v>8007</v>
      </c>
      <c r="B1551" t="s">
        <v>8008</v>
      </c>
      <c r="C1551" t="s">
        <v>8009</v>
      </c>
      <c r="D1551" t="s">
        <v>8010</v>
      </c>
      <c r="E1551" t="s">
        <v>11</v>
      </c>
      <c r="G1551" t="s">
        <v>8011</v>
      </c>
    </row>
    <row r="1552" spans="1:7" x14ac:dyDescent="0.2">
      <c r="A1552" t="s">
        <v>8012</v>
      </c>
      <c r="B1552" t="s">
        <v>8013</v>
      </c>
      <c r="C1552" t="s">
        <v>8014</v>
      </c>
      <c r="D1552" t="s">
        <v>8015</v>
      </c>
      <c r="E1552" t="s">
        <v>17</v>
      </c>
      <c r="F1552" t="s">
        <v>70</v>
      </c>
      <c r="G1552" t="s">
        <v>8016</v>
      </c>
    </row>
    <row r="1553" spans="1:7" x14ac:dyDescent="0.2">
      <c r="A1553" t="s">
        <v>8017</v>
      </c>
      <c r="B1553" t="s">
        <v>8018</v>
      </c>
      <c r="C1553" t="s">
        <v>8019</v>
      </c>
      <c r="D1553" t="s">
        <v>8020</v>
      </c>
      <c r="E1553" t="s">
        <v>17</v>
      </c>
      <c r="F1553" t="s">
        <v>8021</v>
      </c>
      <c r="G1553" t="s">
        <v>8022</v>
      </c>
    </row>
    <row r="1554" spans="1:7" x14ac:dyDescent="0.2">
      <c r="A1554" t="s">
        <v>8023</v>
      </c>
      <c r="B1554" t="s">
        <v>8024</v>
      </c>
      <c r="C1554" t="s">
        <v>8025</v>
      </c>
      <c r="D1554" t="s">
        <v>8026</v>
      </c>
      <c r="E1554" t="s">
        <v>17</v>
      </c>
      <c r="F1554" t="s">
        <v>70</v>
      </c>
      <c r="G1554" t="s">
        <v>8027</v>
      </c>
    </row>
    <row r="1555" spans="1:7" x14ac:dyDescent="0.2">
      <c r="A1555" t="s">
        <v>8028</v>
      </c>
      <c r="B1555" t="s">
        <v>8029</v>
      </c>
      <c r="C1555" t="s">
        <v>8030</v>
      </c>
      <c r="D1555" t="s">
        <v>8031</v>
      </c>
      <c r="E1555" t="s">
        <v>17</v>
      </c>
      <c r="F1555" t="s">
        <v>70</v>
      </c>
      <c r="G1555" t="s">
        <v>8032</v>
      </c>
    </row>
    <row r="1556" spans="1:7" x14ac:dyDescent="0.2">
      <c r="A1556" t="s">
        <v>8033</v>
      </c>
      <c r="B1556" t="s">
        <v>8034</v>
      </c>
      <c r="C1556" t="s">
        <v>8035</v>
      </c>
      <c r="D1556" t="s">
        <v>8036</v>
      </c>
      <c r="E1556" t="s">
        <v>17</v>
      </c>
      <c r="F1556" t="s">
        <v>70</v>
      </c>
      <c r="G1556" t="s">
        <v>8037</v>
      </c>
    </row>
    <row r="1557" spans="1:7" x14ac:dyDescent="0.2">
      <c r="A1557" t="s">
        <v>8038</v>
      </c>
      <c r="B1557" t="s">
        <v>8039</v>
      </c>
      <c r="C1557" t="s">
        <v>8040</v>
      </c>
      <c r="D1557" t="s">
        <v>8041</v>
      </c>
      <c r="E1557" t="s">
        <v>17</v>
      </c>
      <c r="F1557" t="s">
        <v>70</v>
      </c>
      <c r="G1557" t="s">
        <v>8042</v>
      </c>
    </row>
    <row r="1558" spans="1:7" x14ac:dyDescent="0.2">
      <c r="A1558" t="s">
        <v>8043</v>
      </c>
      <c r="B1558" t="s">
        <v>8044</v>
      </c>
      <c r="C1558" t="s">
        <v>8045</v>
      </c>
      <c r="D1558" t="s">
        <v>8046</v>
      </c>
      <c r="E1558" t="s">
        <v>17</v>
      </c>
      <c r="F1558" t="s">
        <v>70</v>
      </c>
      <c r="G1558" t="s">
        <v>8047</v>
      </c>
    </row>
    <row r="1559" spans="1:7" x14ac:dyDescent="0.2">
      <c r="A1559" t="s">
        <v>8048</v>
      </c>
      <c r="B1559" t="s">
        <v>8049</v>
      </c>
      <c r="C1559" t="s">
        <v>8050</v>
      </c>
      <c r="D1559" t="s">
        <v>8051</v>
      </c>
      <c r="E1559" t="s">
        <v>17</v>
      </c>
      <c r="F1559" t="s">
        <v>70</v>
      </c>
      <c r="G1559" t="s">
        <v>8052</v>
      </c>
    </row>
    <row r="1560" spans="1:7" x14ac:dyDescent="0.2">
      <c r="A1560" t="s">
        <v>8053</v>
      </c>
      <c r="B1560" t="s">
        <v>8054</v>
      </c>
      <c r="C1560" t="s">
        <v>8055</v>
      </c>
      <c r="D1560" t="s">
        <v>8056</v>
      </c>
      <c r="E1560" t="s">
        <v>17</v>
      </c>
      <c r="F1560" t="s">
        <v>45</v>
      </c>
      <c r="G1560" t="s">
        <v>8057</v>
      </c>
    </row>
    <row r="1561" spans="1:7" x14ac:dyDescent="0.2">
      <c r="A1561" t="s">
        <v>8058</v>
      </c>
      <c r="B1561" t="s">
        <v>8059</v>
      </c>
      <c r="C1561" t="s">
        <v>8060</v>
      </c>
      <c r="D1561" t="s">
        <v>8061</v>
      </c>
      <c r="E1561" t="s">
        <v>17</v>
      </c>
      <c r="F1561" t="s">
        <v>70</v>
      </c>
      <c r="G1561" t="s">
        <v>8062</v>
      </c>
    </row>
    <row r="1562" spans="1:7" x14ac:dyDescent="0.2">
      <c r="A1562" t="s">
        <v>8063</v>
      </c>
      <c r="B1562" t="s">
        <v>8064</v>
      </c>
      <c r="C1562" t="s">
        <v>8065</v>
      </c>
      <c r="D1562" t="s">
        <v>8066</v>
      </c>
      <c r="E1562" t="s">
        <v>17</v>
      </c>
      <c r="F1562" t="s">
        <v>57</v>
      </c>
      <c r="G1562" t="s">
        <v>8067</v>
      </c>
    </row>
    <row r="1563" spans="1:7" x14ac:dyDescent="0.2">
      <c r="A1563" t="s">
        <v>8068</v>
      </c>
      <c r="B1563" t="s">
        <v>8069</v>
      </c>
      <c r="C1563" t="s">
        <v>8070</v>
      </c>
      <c r="D1563" t="s">
        <v>8071</v>
      </c>
      <c r="E1563" t="s">
        <v>17</v>
      </c>
      <c r="F1563" t="s">
        <v>45</v>
      </c>
      <c r="G1563" t="s">
        <v>8072</v>
      </c>
    </row>
    <row r="1564" spans="1:7" x14ac:dyDescent="0.2">
      <c r="A1564" t="s">
        <v>8073</v>
      </c>
      <c r="B1564" t="s">
        <v>8074</v>
      </c>
      <c r="C1564" t="s">
        <v>8075</v>
      </c>
      <c r="D1564" t="s">
        <v>8076</v>
      </c>
      <c r="E1564" t="s">
        <v>17</v>
      </c>
      <c r="F1564" t="s">
        <v>45</v>
      </c>
      <c r="G1564" t="s">
        <v>8077</v>
      </c>
    </row>
    <row r="1565" spans="1:7" x14ac:dyDescent="0.2">
      <c r="A1565" t="s">
        <v>8078</v>
      </c>
      <c r="B1565" t="s">
        <v>8079</v>
      </c>
      <c r="C1565" t="s">
        <v>8080</v>
      </c>
      <c r="D1565" t="s">
        <v>8081</v>
      </c>
      <c r="E1565" t="s">
        <v>17</v>
      </c>
      <c r="F1565" t="s">
        <v>45</v>
      </c>
      <c r="G1565" t="s">
        <v>8082</v>
      </c>
    </row>
    <row r="1566" spans="1:7" x14ac:dyDescent="0.2">
      <c r="A1566" t="s">
        <v>8083</v>
      </c>
      <c r="B1566" t="s">
        <v>8084</v>
      </c>
      <c r="C1566" t="s">
        <v>8085</v>
      </c>
      <c r="D1566" t="s">
        <v>8086</v>
      </c>
      <c r="E1566" t="s">
        <v>11</v>
      </c>
      <c r="G1566" t="s">
        <v>8087</v>
      </c>
    </row>
    <row r="1567" spans="1:7" x14ac:dyDescent="0.2">
      <c r="A1567" t="s">
        <v>8088</v>
      </c>
      <c r="B1567" t="s">
        <v>8089</v>
      </c>
      <c r="C1567" t="s">
        <v>8090</v>
      </c>
      <c r="D1567" t="s">
        <v>8091</v>
      </c>
      <c r="E1567" t="s">
        <v>17</v>
      </c>
      <c r="F1567" t="s">
        <v>45</v>
      </c>
      <c r="G1567" t="s">
        <v>8092</v>
      </c>
    </row>
    <row r="1568" spans="1:7" x14ac:dyDescent="0.2">
      <c r="A1568" t="s">
        <v>8093</v>
      </c>
      <c r="B1568" t="s">
        <v>8094</v>
      </c>
      <c r="C1568" t="s">
        <v>8095</v>
      </c>
      <c r="D1568" t="s">
        <v>8096</v>
      </c>
      <c r="E1568" t="s">
        <v>17</v>
      </c>
      <c r="F1568" t="s">
        <v>45</v>
      </c>
      <c r="G1568" t="s">
        <v>8097</v>
      </c>
    </row>
    <row r="1569" spans="1:7" x14ac:dyDescent="0.2">
      <c r="A1569" t="s">
        <v>8098</v>
      </c>
      <c r="B1569" t="s">
        <v>8099</v>
      </c>
      <c r="C1569" t="s">
        <v>8100</v>
      </c>
      <c r="D1569" t="s">
        <v>8101</v>
      </c>
      <c r="E1569" t="s">
        <v>11</v>
      </c>
      <c r="G1569" t="s">
        <v>8102</v>
      </c>
    </row>
    <row r="1570" spans="1:7" x14ac:dyDescent="0.2">
      <c r="A1570" t="s">
        <v>8103</v>
      </c>
      <c r="B1570" t="s">
        <v>8104</v>
      </c>
      <c r="C1570" t="s">
        <v>8105</v>
      </c>
      <c r="D1570" t="s">
        <v>8106</v>
      </c>
      <c r="E1570" t="s">
        <v>63</v>
      </c>
      <c r="F1570" t="s">
        <v>8107</v>
      </c>
      <c r="G1570" t="s">
        <v>8108</v>
      </c>
    </row>
    <row r="1571" spans="1:7" x14ac:dyDescent="0.2">
      <c r="A1571" t="s">
        <v>8109</v>
      </c>
      <c r="B1571" t="s">
        <v>8110</v>
      </c>
      <c r="C1571" t="s">
        <v>8111</v>
      </c>
      <c r="D1571" t="s">
        <v>8112</v>
      </c>
      <c r="E1571" t="s">
        <v>17</v>
      </c>
      <c r="F1571" t="s">
        <v>45</v>
      </c>
      <c r="G1571" t="s">
        <v>8113</v>
      </c>
    </row>
    <row r="1572" spans="1:7" x14ac:dyDescent="0.2">
      <c r="A1572" t="s">
        <v>8114</v>
      </c>
      <c r="B1572" t="s">
        <v>8115</v>
      </c>
      <c r="C1572" t="s">
        <v>8116</v>
      </c>
      <c r="D1572" t="s">
        <v>8117</v>
      </c>
      <c r="E1572" t="s">
        <v>17</v>
      </c>
      <c r="F1572" t="s">
        <v>70</v>
      </c>
      <c r="G1572" t="s">
        <v>8118</v>
      </c>
    </row>
    <row r="1573" spans="1:7" x14ac:dyDescent="0.2">
      <c r="A1573" t="s">
        <v>8119</v>
      </c>
      <c r="B1573" t="s">
        <v>8120</v>
      </c>
      <c r="C1573" t="s">
        <v>8121</v>
      </c>
      <c r="D1573" t="s">
        <v>8122</v>
      </c>
      <c r="E1573" t="s">
        <v>17</v>
      </c>
      <c r="F1573" t="s">
        <v>4225</v>
      </c>
      <c r="G1573" t="s">
        <v>8123</v>
      </c>
    </row>
    <row r="1574" spans="1:7" x14ac:dyDescent="0.2">
      <c r="A1574" t="s">
        <v>8124</v>
      </c>
      <c r="B1574" t="s">
        <v>8125</v>
      </c>
      <c r="C1574" t="s">
        <v>8126</v>
      </c>
      <c r="D1574" t="s">
        <v>8127</v>
      </c>
      <c r="E1574" t="s">
        <v>17</v>
      </c>
      <c r="F1574" t="s">
        <v>8128</v>
      </c>
      <c r="G1574" t="s">
        <v>8129</v>
      </c>
    </row>
    <row r="1575" spans="1:7" x14ac:dyDescent="0.2">
      <c r="A1575" t="s">
        <v>8130</v>
      </c>
      <c r="B1575" t="s">
        <v>8131</v>
      </c>
      <c r="C1575" t="s">
        <v>8132</v>
      </c>
      <c r="D1575" t="s">
        <v>8127</v>
      </c>
      <c r="E1575" t="s">
        <v>63</v>
      </c>
      <c r="F1575" t="s">
        <v>8133</v>
      </c>
      <c r="G1575" t="s">
        <v>8134</v>
      </c>
    </row>
    <row r="1576" spans="1:7" x14ac:dyDescent="0.2">
      <c r="A1576" t="s">
        <v>8135</v>
      </c>
      <c r="B1576" t="s">
        <v>8136</v>
      </c>
      <c r="C1576" t="s">
        <v>8137</v>
      </c>
      <c r="D1576" t="s">
        <v>8138</v>
      </c>
      <c r="E1576" t="s">
        <v>17</v>
      </c>
      <c r="F1576" t="s">
        <v>45</v>
      </c>
      <c r="G1576" t="s">
        <v>8139</v>
      </c>
    </row>
    <row r="1577" spans="1:7" x14ac:dyDescent="0.2">
      <c r="A1577" t="s">
        <v>8140</v>
      </c>
      <c r="B1577" t="s">
        <v>8141</v>
      </c>
      <c r="C1577" t="s">
        <v>8142</v>
      </c>
      <c r="D1577" t="s">
        <v>8143</v>
      </c>
      <c r="E1577" t="s">
        <v>11</v>
      </c>
      <c r="G1577" t="s">
        <v>8144</v>
      </c>
    </row>
    <row r="1578" spans="1:7" x14ac:dyDescent="0.2">
      <c r="A1578" t="s">
        <v>8145</v>
      </c>
      <c r="B1578" t="s">
        <v>8146</v>
      </c>
      <c r="C1578" t="s">
        <v>8147</v>
      </c>
      <c r="D1578" t="s">
        <v>8148</v>
      </c>
      <c r="E1578" t="s">
        <v>11</v>
      </c>
      <c r="G1578" t="s">
        <v>8149</v>
      </c>
    </row>
    <row r="1579" spans="1:7" x14ac:dyDescent="0.2">
      <c r="A1579" t="s">
        <v>8150</v>
      </c>
      <c r="B1579" t="s">
        <v>8151</v>
      </c>
      <c r="C1579" t="s">
        <v>8152</v>
      </c>
      <c r="D1579" t="s">
        <v>8153</v>
      </c>
      <c r="E1579" t="s">
        <v>17</v>
      </c>
      <c r="F1579" t="s">
        <v>310</v>
      </c>
      <c r="G1579" t="s">
        <v>8154</v>
      </c>
    </row>
    <row r="1580" spans="1:7" x14ac:dyDescent="0.2">
      <c r="A1580" t="s">
        <v>8155</v>
      </c>
      <c r="B1580" t="s">
        <v>8156</v>
      </c>
      <c r="C1580" t="s">
        <v>8157</v>
      </c>
      <c r="D1580" t="s">
        <v>8158</v>
      </c>
      <c r="E1580" t="s">
        <v>17</v>
      </c>
      <c r="F1580" t="s">
        <v>70</v>
      </c>
      <c r="G1580" t="s">
        <v>8159</v>
      </c>
    </row>
    <row r="1581" spans="1:7" x14ac:dyDescent="0.2">
      <c r="A1581" t="s">
        <v>8160</v>
      </c>
      <c r="B1581" t="s">
        <v>8161</v>
      </c>
      <c r="C1581" t="s">
        <v>8162</v>
      </c>
      <c r="D1581" t="s">
        <v>8163</v>
      </c>
      <c r="E1581" t="s">
        <v>11</v>
      </c>
      <c r="G1581" t="s">
        <v>8164</v>
      </c>
    </row>
    <row r="1582" spans="1:7" x14ac:dyDescent="0.2">
      <c r="A1582" t="s">
        <v>8165</v>
      </c>
      <c r="B1582" t="s">
        <v>8166</v>
      </c>
      <c r="C1582" t="s">
        <v>8167</v>
      </c>
      <c r="D1582" t="s">
        <v>4365</v>
      </c>
      <c r="E1582" t="s">
        <v>63</v>
      </c>
      <c r="F1582" t="s">
        <v>8168</v>
      </c>
      <c r="G1582" t="s">
        <v>8169</v>
      </c>
    </row>
    <row r="1583" spans="1:7" x14ac:dyDescent="0.2">
      <c r="A1583" t="s">
        <v>8170</v>
      </c>
      <c r="B1583" t="s">
        <v>8171</v>
      </c>
      <c r="C1583" t="s">
        <v>8172</v>
      </c>
      <c r="D1583" t="s">
        <v>8173</v>
      </c>
      <c r="E1583" t="s">
        <v>11</v>
      </c>
      <c r="G1583" t="s">
        <v>8174</v>
      </c>
    </row>
    <row r="1584" spans="1:7" x14ac:dyDescent="0.2">
      <c r="A1584" t="s">
        <v>8175</v>
      </c>
      <c r="B1584" t="s">
        <v>8176</v>
      </c>
      <c r="C1584" t="s">
        <v>8177</v>
      </c>
      <c r="D1584" t="s">
        <v>8178</v>
      </c>
      <c r="E1584" t="s">
        <v>11</v>
      </c>
      <c r="G1584" t="s">
        <v>8179</v>
      </c>
    </row>
    <row r="1585" spans="1:7" x14ac:dyDescent="0.2">
      <c r="A1585" t="s">
        <v>8180</v>
      </c>
      <c r="B1585" t="s">
        <v>8181</v>
      </c>
      <c r="C1585" t="s">
        <v>8182</v>
      </c>
      <c r="D1585" t="s">
        <v>5970</v>
      </c>
      <c r="E1585" t="s">
        <v>287</v>
      </c>
      <c r="F1585" t="s">
        <v>8183</v>
      </c>
      <c r="G1585" t="s">
        <v>8184</v>
      </c>
    </row>
    <row r="1586" spans="1:7" x14ac:dyDescent="0.2">
      <c r="A1586" t="s">
        <v>8185</v>
      </c>
      <c r="B1586" t="s">
        <v>8186</v>
      </c>
      <c r="C1586" t="s">
        <v>8187</v>
      </c>
      <c r="D1586" t="s">
        <v>8188</v>
      </c>
      <c r="E1586" t="s">
        <v>17</v>
      </c>
      <c r="F1586" t="s">
        <v>8189</v>
      </c>
      <c r="G1586" t="s">
        <v>8190</v>
      </c>
    </row>
    <row r="1587" spans="1:7" x14ac:dyDescent="0.2">
      <c r="A1587" t="s">
        <v>8191</v>
      </c>
      <c r="B1587" t="s">
        <v>8192</v>
      </c>
      <c r="C1587" t="s">
        <v>8193</v>
      </c>
      <c r="D1587" t="s">
        <v>8194</v>
      </c>
      <c r="E1587" t="s">
        <v>11</v>
      </c>
      <c r="G1587" t="s">
        <v>8195</v>
      </c>
    </row>
    <row r="1588" spans="1:7" x14ac:dyDescent="0.2">
      <c r="A1588" t="s">
        <v>8196</v>
      </c>
      <c r="B1588" t="s">
        <v>8197</v>
      </c>
      <c r="C1588" t="s">
        <v>8198</v>
      </c>
      <c r="D1588" t="s">
        <v>8199</v>
      </c>
      <c r="E1588" t="s">
        <v>17</v>
      </c>
      <c r="F1588" t="s">
        <v>8200</v>
      </c>
      <c r="G1588" t="s">
        <v>8201</v>
      </c>
    </row>
    <row r="1589" spans="1:7" x14ac:dyDescent="0.2">
      <c r="A1589" t="s">
        <v>8202</v>
      </c>
      <c r="B1589" t="s">
        <v>8203</v>
      </c>
      <c r="C1589" t="s">
        <v>8204</v>
      </c>
      <c r="D1589" t="s">
        <v>8205</v>
      </c>
      <c r="E1589" t="s">
        <v>11</v>
      </c>
      <c r="G1589" t="s">
        <v>8206</v>
      </c>
    </row>
    <row r="1590" spans="1:7" x14ac:dyDescent="0.2">
      <c r="A1590" t="s">
        <v>8207</v>
      </c>
      <c r="B1590" t="s">
        <v>8208</v>
      </c>
      <c r="C1590" t="s">
        <v>8209</v>
      </c>
      <c r="D1590" t="s">
        <v>8210</v>
      </c>
      <c r="E1590" t="s">
        <v>11</v>
      </c>
      <c r="G1590" t="s">
        <v>8211</v>
      </c>
    </row>
    <row r="1591" spans="1:7" x14ac:dyDescent="0.2">
      <c r="A1591" t="s">
        <v>8212</v>
      </c>
      <c r="B1591" t="s">
        <v>8213</v>
      </c>
      <c r="C1591" t="s">
        <v>8214</v>
      </c>
      <c r="D1591" t="s">
        <v>8215</v>
      </c>
      <c r="E1591" t="s">
        <v>11</v>
      </c>
      <c r="G1591" t="s">
        <v>8216</v>
      </c>
    </row>
    <row r="1592" spans="1:7" x14ac:dyDescent="0.2">
      <c r="A1592" t="s">
        <v>8217</v>
      </c>
      <c r="B1592" t="s">
        <v>8218</v>
      </c>
      <c r="C1592" t="s">
        <v>8219</v>
      </c>
      <c r="D1592" t="s">
        <v>8220</v>
      </c>
      <c r="E1592" t="s">
        <v>11</v>
      </c>
      <c r="G1592" t="s">
        <v>8221</v>
      </c>
    </row>
    <row r="1593" spans="1:7" x14ac:dyDescent="0.2">
      <c r="A1593" t="s">
        <v>8222</v>
      </c>
      <c r="B1593" t="s">
        <v>8223</v>
      </c>
      <c r="C1593" t="s">
        <v>8224</v>
      </c>
      <c r="D1593" t="s">
        <v>8225</v>
      </c>
      <c r="E1593" t="s">
        <v>17</v>
      </c>
      <c r="F1593" t="s">
        <v>8226</v>
      </c>
      <c r="G1593" t="s">
        <v>8227</v>
      </c>
    </row>
    <row r="1594" spans="1:7" x14ac:dyDescent="0.2">
      <c r="A1594" t="s">
        <v>8228</v>
      </c>
      <c r="B1594" t="s">
        <v>8229</v>
      </c>
      <c r="C1594" t="s">
        <v>8230</v>
      </c>
      <c r="D1594" t="s">
        <v>8231</v>
      </c>
      <c r="E1594" t="s">
        <v>17</v>
      </c>
      <c r="F1594" t="s">
        <v>8232</v>
      </c>
      <c r="G1594" t="s">
        <v>8233</v>
      </c>
    </row>
    <row r="1595" spans="1:7" x14ac:dyDescent="0.2">
      <c r="A1595" t="s">
        <v>8234</v>
      </c>
      <c r="B1595" t="s">
        <v>8235</v>
      </c>
      <c r="C1595" t="s">
        <v>8236</v>
      </c>
      <c r="D1595" t="s">
        <v>8237</v>
      </c>
      <c r="E1595" t="s">
        <v>17</v>
      </c>
      <c r="F1595" t="s">
        <v>8238</v>
      </c>
      <c r="G1595" t="s">
        <v>8239</v>
      </c>
    </row>
    <row r="1596" spans="1:7" x14ac:dyDescent="0.2">
      <c r="A1596" t="s">
        <v>8240</v>
      </c>
      <c r="B1596" t="s">
        <v>8241</v>
      </c>
      <c r="C1596" t="s">
        <v>8242</v>
      </c>
      <c r="D1596" t="s">
        <v>8243</v>
      </c>
      <c r="E1596" t="s">
        <v>11</v>
      </c>
      <c r="G1596" t="s">
        <v>8244</v>
      </c>
    </row>
    <row r="1597" spans="1:7" x14ac:dyDescent="0.2">
      <c r="A1597" t="s">
        <v>8245</v>
      </c>
      <c r="B1597" t="s">
        <v>8246</v>
      </c>
      <c r="C1597" t="s">
        <v>8247</v>
      </c>
      <c r="D1597" t="s">
        <v>8248</v>
      </c>
      <c r="E1597" t="s">
        <v>17</v>
      </c>
      <c r="F1597" t="s">
        <v>1161</v>
      </c>
      <c r="G1597" t="s">
        <v>8249</v>
      </c>
    </row>
    <row r="1598" spans="1:7" x14ac:dyDescent="0.2">
      <c r="A1598" t="s">
        <v>8250</v>
      </c>
      <c r="B1598" t="s">
        <v>8251</v>
      </c>
      <c r="C1598" t="s">
        <v>8252</v>
      </c>
      <c r="D1598" t="s">
        <v>8253</v>
      </c>
      <c r="E1598" t="s">
        <v>17</v>
      </c>
      <c r="F1598" t="s">
        <v>2410</v>
      </c>
      <c r="G1598" t="s">
        <v>8254</v>
      </c>
    </row>
    <row r="1599" spans="1:7" x14ac:dyDescent="0.2">
      <c r="A1599" t="s">
        <v>8255</v>
      </c>
      <c r="B1599" t="s">
        <v>8256</v>
      </c>
      <c r="C1599" t="s">
        <v>8257</v>
      </c>
      <c r="D1599" t="s">
        <v>8258</v>
      </c>
      <c r="E1599" t="s">
        <v>11</v>
      </c>
      <c r="G1599" t="s">
        <v>8259</v>
      </c>
    </row>
    <row r="1600" spans="1:7" x14ac:dyDescent="0.2">
      <c r="A1600" t="s">
        <v>8260</v>
      </c>
      <c r="B1600" t="s">
        <v>8261</v>
      </c>
      <c r="C1600" t="s">
        <v>8262</v>
      </c>
      <c r="D1600" t="s">
        <v>8263</v>
      </c>
      <c r="E1600" t="s">
        <v>11</v>
      </c>
      <c r="G1600" t="s">
        <v>8264</v>
      </c>
    </row>
    <row r="1601" spans="1:7" x14ac:dyDescent="0.2">
      <c r="A1601" t="s">
        <v>8265</v>
      </c>
      <c r="B1601" t="s">
        <v>8266</v>
      </c>
      <c r="C1601" t="s">
        <v>8267</v>
      </c>
      <c r="D1601" t="s">
        <v>8268</v>
      </c>
      <c r="E1601" t="s">
        <v>11</v>
      </c>
      <c r="G1601" t="s">
        <v>8269</v>
      </c>
    </row>
    <row r="1602" spans="1:7" x14ac:dyDescent="0.2">
      <c r="A1602" t="s">
        <v>8270</v>
      </c>
      <c r="B1602" t="s">
        <v>8271</v>
      </c>
      <c r="C1602" t="s">
        <v>8272</v>
      </c>
      <c r="D1602" t="s">
        <v>8273</v>
      </c>
      <c r="E1602" t="s">
        <v>17</v>
      </c>
      <c r="F1602" t="s">
        <v>8274</v>
      </c>
      <c r="G1602" t="s">
        <v>8275</v>
      </c>
    </row>
    <row r="1603" spans="1:7" x14ac:dyDescent="0.2">
      <c r="A1603" t="s">
        <v>8276</v>
      </c>
      <c r="B1603" t="s">
        <v>8277</v>
      </c>
      <c r="C1603" t="s">
        <v>8278</v>
      </c>
      <c r="D1603" t="s">
        <v>8279</v>
      </c>
      <c r="E1603" t="s">
        <v>11</v>
      </c>
      <c r="G1603" t="s">
        <v>8280</v>
      </c>
    </row>
    <row r="1604" spans="1:7" x14ac:dyDescent="0.2">
      <c r="A1604" t="s">
        <v>8281</v>
      </c>
      <c r="B1604" t="s">
        <v>8282</v>
      </c>
      <c r="C1604" t="s">
        <v>8283</v>
      </c>
      <c r="D1604" t="s">
        <v>8284</v>
      </c>
      <c r="E1604" t="s">
        <v>11</v>
      </c>
      <c r="G1604" t="s">
        <v>8285</v>
      </c>
    </row>
    <row r="1605" spans="1:7" x14ac:dyDescent="0.2">
      <c r="A1605" t="s">
        <v>8286</v>
      </c>
      <c r="B1605" t="s">
        <v>8287</v>
      </c>
      <c r="C1605" t="s">
        <v>8288</v>
      </c>
      <c r="D1605" t="s">
        <v>8289</v>
      </c>
      <c r="E1605" t="s">
        <v>17</v>
      </c>
      <c r="F1605" t="s">
        <v>8290</v>
      </c>
      <c r="G1605" t="s">
        <v>8291</v>
      </c>
    </row>
    <row r="1606" spans="1:7" x14ac:dyDescent="0.2">
      <c r="A1606" t="s">
        <v>8292</v>
      </c>
      <c r="B1606" t="s">
        <v>8293</v>
      </c>
      <c r="C1606" t="s">
        <v>8294</v>
      </c>
      <c r="D1606" t="s">
        <v>8295</v>
      </c>
      <c r="E1606" t="s">
        <v>11</v>
      </c>
      <c r="G1606" t="s">
        <v>8296</v>
      </c>
    </row>
    <row r="1607" spans="1:7" x14ac:dyDescent="0.2">
      <c r="A1607" t="s">
        <v>8297</v>
      </c>
      <c r="B1607" t="s">
        <v>8298</v>
      </c>
      <c r="C1607" t="s">
        <v>8299</v>
      </c>
      <c r="D1607" t="s">
        <v>8300</v>
      </c>
      <c r="E1607" t="s">
        <v>17</v>
      </c>
      <c r="F1607" t="s">
        <v>70</v>
      </c>
      <c r="G1607" t="s">
        <v>8301</v>
      </c>
    </row>
    <row r="1608" spans="1:7" x14ac:dyDescent="0.2">
      <c r="A1608" t="s">
        <v>8302</v>
      </c>
      <c r="B1608" t="s">
        <v>8303</v>
      </c>
      <c r="C1608" t="s">
        <v>8304</v>
      </c>
      <c r="D1608" t="s">
        <v>8305</v>
      </c>
      <c r="E1608" t="s">
        <v>11</v>
      </c>
      <c r="G1608" t="s">
        <v>8306</v>
      </c>
    </row>
    <row r="1609" spans="1:7" x14ac:dyDescent="0.2">
      <c r="A1609" t="s">
        <v>8307</v>
      </c>
      <c r="B1609" t="s">
        <v>8308</v>
      </c>
      <c r="C1609" t="s">
        <v>8309</v>
      </c>
      <c r="D1609" t="s">
        <v>8310</v>
      </c>
      <c r="E1609" t="s">
        <v>11</v>
      </c>
      <c r="G1609" t="s">
        <v>8311</v>
      </c>
    </row>
    <row r="1610" spans="1:7" x14ac:dyDescent="0.2">
      <c r="A1610" t="s">
        <v>8312</v>
      </c>
      <c r="B1610" t="s">
        <v>8313</v>
      </c>
      <c r="C1610" t="s">
        <v>8314</v>
      </c>
      <c r="D1610" t="s">
        <v>8315</v>
      </c>
      <c r="E1610" t="s">
        <v>11</v>
      </c>
      <c r="G1610" t="s">
        <v>8316</v>
      </c>
    </row>
    <row r="1611" spans="1:7" x14ac:dyDescent="0.2">
      <c r="A1611" t="s">
        <v>8317</v>
      </c>
      <c r="B1611" t="s">
        <v>8318</v>
      </c>
      <c r="C1611" t="s">
        <v>8319</v>
      </c>
      <c r="D1611" t="s">
        <v>8320</v>
      </c>
      <c r="E1611" t="s">
        <v>11</v>
      </c>
      <c r="G1611" t="s">
        <v>8321</v>
      </c>
    </row>
    <row r="1612" spans="1:7" x14ac:dyDescent="0.2">
      <c r="A1612" t="s">
        <v>8322</v>
      </c>
      <c r="B1612" t="s">
        <v>8323</v>
      </c>
      <c r="C1612" t="s">
        <v>8324</v>
      </c>
      <c r="D1612" t="s">
        <v>8325</v>
      </c>
      <c r="E1612" t="s">
        <v>17</v>
      </c>
      <c r="F1612" t="s">
        <v>45</v>
      </c>
      <c r="G1612" t="s">
        <v>8326</v>
      </c>
    </row>
    <row r="1613" spans="1:7" x14ac:dyDescent="0.2">
      <c r="A1613" t="s">
        <v>8327</v>
      </c>
      <c r="B1613" t="s">
        <v>8328</v>
      </c>
      <c r="C1613" t="s">
        <v>8329</v>
      </c>
      <c r="D1613" t="s">
        <v>8330</v>
      </c>
      <c r="E1613" t="s">
        <v>11</v>
      </c>
      <c r="G1613" t="s">
        <v>8331</v>
      </c>
    </row>
    <row r="1614" spans="1:7" x14ac:dyDescent="0.2">
      <c r="A1614" t="s">
        <v>8332</v>
      </c>
      <c r="B1614" t="s">
        <v>8333</v>
      </c>
      <c r="C1614" t="s">
        <v>8334</v>
      </c>
      <c r="D1614" t="s">
        <v>8335</v>
      </c>
      <c r="E1614" t="s">
        <v>11</v>
      </c>
      <c r="G1614" t="s">
        <v>8336</v>
      </c>
    </row>
    <row r="1615" spans="1:7" x14ac:dyDescent="0.2">
      <c r="A1615" t="s">
        <v>8337</v>
      </c>
      <c r="B1615" t="s">
        <v>8338</v>
      </c>
      <c r="C1615" t="s">
        <v>8339</v>
      </c>
      <c r="D1615" t="s">
        <v>8340</v>
      </c>
      <c r="E1615" t="s">
        <v>11</v>
      </c>
      <c r="G1615" t="s">
        <v>8341</v>
      </c>
    </row>
    <row r="1616" spans="1:7" x14ac:dyDescent="0.2">
      <c r="A1616" t="s">
        <v>8342</v>
      </c>
      <c r="B1616" t="s">
        <v>8343</v>
      </c>
      <c r="C1616" t="s">
        <v>8344</v>
      </c>
      <c r="D1616" t="s">
        <v>8345</v>
      </c>
      <c r="E1616" t="s">
        <v>11</v>
      </c>
      <c r="G1616" t="s">
        <v>8346</v>
      </c>
    </row>
    <row r="1617" spans="1:7" x14ac:dyDescent="0.2">
      <c r="A1617" t="s">
        <v>8347</v>
      </c>
      <c r="B1617" t="s">
        <v>8348</v>
      </c>
      <c r="C1617" t="s">
        <v>8349</v>
      </c>
      <c r="D1617" t="s">
        <v>8350</v>
      </c>
      <c r="E1617" t="s">
        <v>11</v>
      </c>
      <c r="G1617" t="s">
        <v>8351</v>
      </c>
    </row>
    <row r="1618" spans="1:7" x14ac:dyDescent="0.2">
      <c r="A1618" t="s">
        <v>8352</v>
      </c>
      <c r="B1618" t="s">
        <v>8353</v>
      </c>
      <c r="C1618" t="s">
        <v>8354</v>
      </c>
      <c r="D1618" t="s">
        <v>8355</v>
      </c>
      <c r="E1618" t="s">
        <v>11</v>
      </c>
      <c r="G1618" t="s">
        <v>8356</v>
      </c>
    </row>
    <row r="1619" spans="1:7" x14ac:dyDescent="0.2">
      <c r="A1619" t="s">
        <v>8357</v>
      </c>
      <c r="B1619" t="s">
        <v>8358</v>
      </c>
      <c r="C1619" t="s">
        <v>8359</v>
      </c>
      <c r="D1619" t="s">
        <v>8360</v>
      </c>
      <c r="E1619" t="s">
        <v>11</v>
      </c>
      <c r="G1619" t="s">
        <v>8361</v>
      </c>
    </row>
    <row r="1620" spans="1:7" x14ac:dyDescent="0.2">
      <c r="A1620" t="s">
        <v>8362</v>
      </c>
      <c r="B1620" t="s">
        <v>8363</v>
      </c>
      <c r="C1620" t="s">
        <v>8364</v>
      </c>
      <c r="D1620" t="s">
        <v>8365</v>
      </c>
      <c r="E1620" t="s">
        <v>17</v>
      </c>
      <c r="F1620" t="s">
        <v>6921</v>
      </c>
      <c r="G1620" t="s">
        <v>8366</v>
      </c>
    </row>
    <row r="1621" spans="1:7" x14ac:dyDescent="0.2">
      <c r="A1621" t="s">
        <v>8367</v>
      </c>
      <c r="B1621" t="s">
        <v>8368</v>
      </c>
      <c r="C1621" t="s">
        <v>8369</v>
      </c>
      <c r="D1621" t="s">
        <v>8370</v>
      </c>
      <c r="E1621" t="s">
        <v>11</v>
      </c>
      <c r="G1621" t="s">
        <v>8371</v>
      </c>
    </row>
    <row r="1622" spans="1:7" x14ac:dyDescent="0.2">
      <c r="A1622" t="s">
        <v>8372</v>
      </c>
      <c r="B1622" t="s">
        <v>8373</v>
      </c>
      <c r="C1622" t="s">
        <v>8374</v>
      </c>
      <c r="D1622" t="s">
        <v>8375</v>
      </c>
      <c r="E1622" t="s">
        <v>11</v>
      </c>
      <c r="G1622" t="s">
        <v>8376</v>
      </c>
    </row>
    <row r="1623" spans="1:7" x14ac:dyDescent="0.2">
      <c r="A1623" t="s">
        <v>8377</v>
      </c>
      <c r="B1623" t="s">
        <v>8378</v>
      </c>
      <c r="C1623" t="s">
        <v>8379</v>
      </c>
      <c r="D1623" t="s">
        <v>8380</v>
      </c>
      <c r="E1623" t="s">
        <v>11</v>
      </c>
      <c r="G1623" t="s">
        <v>8381</v>
      </c>
    </row>
    <row r="1624" spans="1:7" x14ac:dyDescent="0.2">
      <c r="A1624" t="s">
        <v>8382</v>
      </c>
      <c r="B1624" t="s">
        <v>8383</v>
      </c>
      <c r="C1624" t="s">
        <v>8384</v>
      </c>
      <c r="D1624" t="s">
        <v>8385</v>
      </c>
      <c r="E1624" t="s">
        <v>11</v>
      </c>
      <c r="G1624" t="s">
        <v>8386</v>
      </c>
    </row>
    <row r="1625" spans="1:7" x14ac:dyDescent="0.2">
      <c r="A1625" t="s">
        <v>8387</v>
      </c>
      <c r="B1625" t="s">
        <v>8388</v>
      </c>
      <c r="C1625" t="s">
        <v>8389</v>
      </c>
      <c r="D1625" t="s">
        <v>8390</v>
      </c>
      <c r="E1625" t="s">
        <v>11</v>
      </c>
      <c r="G1625" t="s">
        <v>8391</v>
      </c>
    </row>
    <row r="1626" spans="1:7" x14ac:dyDescent="0.2">
      <c r="A1626" t="s">
        <v>8392</v>
      </c>
      <c r="B1626" t="s">
        <v>8393</v>
      </c>
      <c r="C1626" t="s">
        <v>8394</v>
      </c>
      <c r="D1626" t="s">
        <v>8395</v>
      </c>
      <c r="E1626" t="s">
        <v>11</v>
      </c>
      <c r="G1626" t="s">
        <v>8396</v>
      </c>
    </row>
    <row r="1627" spans="1:7" x14ac:dyDescent="0.2">
      <c r="A1627" t="s">
        <v>8397</v>
      </c>
      <c r="B1627" t="s">
        <v>8398</v>
      </c>
      <c r="C1627" t="s">
        <v>8399</v>
      </c>
      <c r="D1627" t="s">
        <v>8400</v>
      </c>
      <c r="E1627" t="s">
        <v>11</v>
      </c>
      <c r="G1627" t="s">
        <v>8401</v>
      </c>
    </row>
    <row r="1628" spans="1:7" x14ac:dyDescent="0.2">
      <c r="A1628" t="s">
        <v>8402</v>
      </c>
      <c r="B1628" t="s">
        <v>8403</v>
      </c>
      <c r="C1628" t="s">
        <v>8404</v>
      </c>
      <c r="D1628" t="s">
        <v>8405</v>
      </c>
      <c r="E1628" t="s">
        <v>11</v>
      </c>
      <c r="G1628" t="s">
        <v>8406</v>
      </c>
    </row>
    <row r="1629" spans="1:7" x14ac:dyDescent="0.2">
      <c r="A1629" t="s">
        <v>8407</v>
      </c>
      <c r="B1629" t="s">
        <v>8408</v>
      </c>
      <c r="C1629" t="s">
        <v>8409</v>
      </c>
      <c r="D1629" t="s">
        <v>8410</v>
      </c>
      <c r="E1629" t="s">
        <v>11</v>
      </c>
      <c r="G1629" t="s">
        <v>8411</v>
      </c>
    </row>
    <row r="1630" spans="1:7" x14ac:dyDescent="0.2">
      <c r="A1630" t="s">
        <v>8412</v>
      </c>
      <c r="B1630" t="s">
        <v>8413</v>
      </c>
      <c r="C1630" t="s">
        <v>8414</v>
      </c>
      <c r="D1630" t="s">
        <v>8415</v>
      </c>
      <c r="E1630" t="s">
        <v>11</v>
      </c>
      <c r="G1630" t="s">
        <v>8416</v>
      </c>
    </row>
    <row r="1631" spans="1:7" x14ac:dyDescent="0.2">
      <c r="A1631" t="s">
        <v>8417</v>
      </c>
      <c r="B1631" t="s">
        <v>8418</v>
      </c>
      <c r="C1631" t="s">
        <v>8419</v>
      </c>
      <c r="D1631" t="s">
        <v>8420</v>
      </c>
      <c r="E1631" t="s">
        <v>11</v>
      </c>
      <c r="G1631" t="s">
        <v>8421</v>
      </c>
    </row>
    <row r="1632" spans="1:7" x14ac:dyDescent="0.2">
      <c r="A1632" t="s">
        <v>8422</v>
      </c>
      <c r="B1632" t="s">
        <v>8423</v>
      </c>
      <c r="C1632" t="s">
        <v>8424</v>
      </c>
      <c r="D1632" t="s">
        <v>8425</v>
      </c>
      <c r="E1632" t="s">
        <v>11</v>
      </c>
      <c r="G1632" t="s">
        <v>8426</v>
      </c>
    </row>
    <row r="1633" spans="1:7" x14ac:dyDescent="0.2">
      <c r="A1633" t="s">
        <v>8427</v>
      </c>
      <c r="B1633" t="s">
        <v>8428</v>
      </c>
      <c r="C1633" t="s">
        <v>8429</v>
      </c>
      <c r="D1633" t="s">
        <v>8430</v>
      </c>
      <c r="E1633" t="s">
        <v>11</v>
      </c>
      <c r="G1633" t="s">
        <v>8431</v>
      </c>
    </row>
    <row r="1634" spans="1:7" x14ac:dyDescent="0.2">
      <c r="A1634" t="s">
        <v>8432</v>
      </c>
      <c r="B1634" t="s">
        <v>8433</v>
      </c>
      <c r="C1634" t="s">
        <v>8434</v>
      </c>
      <c r="D1634" t="s">
        <v>8435</v>
      </c>
      <c r="E1634" t="s">
        <v>11</v>
      </c>
      <c r="G1634" t="s">
        <v>8436</v>
      </c>
    </row>
    <row r="1635" spans="1:7" x14ac:dyDescent="0.2">
      <c r="A1635" t="s">
        <v>8437</v>
      </c>
      <c r="B1635" t="s">
        <v>8438</v>
      </c>
      <c r="C1635" t="s">
        <v>8439</v>
      </c>
      <c r="D1635" t="s">
        <v>8440</v>
      </c>
      <c r="E1635" t="s">
        <v>11</v>
      </c>
      <c r="G1635" t="s">
        <v>8441</v>
      </c>
    </row>
    <row r="1636" spans="1:7" x14ac:dyDescent="0.2">
      <c r="A1636" t="s">
        <v>8442</v>
      </c>
      <c r="B1636" t="s">
        <v>8443</v>
      </c>
      <c r="C1636" t="s">
        <v>8444</v>
      </c>
      <c r="D1636" t="s">
        <v>8445</v>
      </c>
      <c r="E1636" t="s">
        <v>11</v>
      </c>
      <c r="G1636" t="s">
        <v>8446</v>
      </c>
    </row>
    <row r="1637" spans="1:7" x14ac:dyDescent="0.2">
      <c r="A1637" t="s">
        <v>8447</v>
      </c>
      <c r="B1637" t="s">
        <v>8448</v>
      </c>
      <c r="C1637" t="s">
        <v>8449</v>
      </c>
      <c r="D1637" t="s">
        <v>8450</v>
      </c>
      <c r="E1637" t="s">
        <v>17</v>
      </c>
      <c r="F1637" t="s">
        <v>8451</v>
      </c>
      <c r="G1637" t="s">
        <v>8452</v>
      </c>
    </row>
    <row r="1638" spans="1:7" x14ac:dyDescent="0.2">
      <c r="A1638" t="s">
        <v>8453</v>
      </c>
      <c r="B1638" t="s">
        <v>8454</v>
      </c>
      <c r="C1638" t="s">
        <v>8455</v>
      </c>
      <c r="D1638" t="s">
        <v>8456</v>
      </c>
      <c r="E1638" t="s">
        <v>17</v>
      </c>
      <c r="F1638" t="s">
        <v>70</v>
      </c>
      <c r="G1638" t="s">
        <v>8457</v>
      </c>
    </row>
    <row r="1639" spans="1:7" x14ac:dyDescent="0.2">
      <c r="A1639" t="s">
        <v>8458</v>
      </c>
      <c r="B1639" t="s">
        <v>8459</v>
      </c>
      <c r="C1639" t="s">
        <v>8460</v>
      </c>
      <c r="D1639" t="s">
        <v>8461</v>
      </c>
      <c r="E1639" t="s">
        <v>17</v>
      </c>
      <c r="F1639" t="s">
        <v>5347</v>
      </c>
      <c r="G1639" t="s">
        <v>8462</v>
      </c>
    </row>
    <row r="1640" spans="1:7" x14ac:dyDescent="0.2">
      <c r="A1640" t="s">
        <v>8463</v>
      </c>
      <c r="B1640" t="s">
        <v>8464</v>
      </c>
      <c r="C1640" t="s">
        <v>8465</v>
      </c>
      <c r="D1640" t="s">
        <v>8466</v>
      </c>
      <c r="E1640" t="s">
        <v>17</v>
      </c>
      <c r="F1640" t="s">
        <v>8467</v>
      </c>
      <c r="G1640" t="s">
        <v>8468</v>
      </c>
    </row>
    <row r="1641" spans="1:7" x14ac:dyDescent="0.2">
      <c r="A1641" t="s">
        <v>8469</v>
      </c>
      <c r="B1641" t="s">
        <v>8470</v>
      </c>
      <c r="C1641" t="s">
        <v>8471</v>
      </c>
      <c r="D1641" t="s">
        <v>8472</v>
      </c>
      <c r="E1641" t="s">
        <v>11</v>
      </c>
      <c r="G1641" t="s">
        <v>8473</v>
      </c>
    </row>
    <row r="1642" spans="1:7" x14ac:dyDescent="0.2">
      <c r="A1642" t="s">
        <v>8474</v>
      </c>
      <c r="B1642" t="s">
        <v>8475</v>
      </c>
      <c r="C1642" t="s">
        <v>8476</v>
      </c>
      <c r="D1642" t="s">
        <v>8477</v>
      </c>
      <c r="E1642" t="s">
        <v>11</v>
      </c>
      <c r="G1642" t="s">
        <v>8478</v>
      </c>
    </row>
    <row r="1643" spans="1:7" x14ac:dyDescent="0.2">
      <c r="A1643" t="s">
        <v>8479</v>
      </c>
      <c r="B1643" t="s">
        <v>8480</v>
      </c>
      <c r="C1643" t="s">
        <v>8481</v>
      </c>
      <c r="D1643" t="s">
        <v>8482</v>
      </c>
      <c r="E1643" t="s">
        <v>11</v>
      </c>
      <c r="G1643" t="s">
        <v>8483</v>
      </c>
    </row>
    <row r="1644" spans="1:7" x14ac:dyDescent="0.2">
      <c r="A1644" t="s">
        <v>8484</v>
      </c>
      <c r="B1644" t="s">
        <v>8485</v>
      </c>
      <c r="C1644" t="s">
        <v>8486</v>
      </c>
      <c r="D1644" t="s">
        <v>8487</v>
      </c>
      <c r="E1644" t="s">
        <v>11</v>
      </c>
      <c r="G1644" t="s">
        <v>8488</v>
      </c>
    </row>
    <row r="1645" spans="1:7" x14ac:dyDescent="0.2">
      <c r="A1645" t="s">
        <v>8489</v>
      </c>
      <c r="B1645" t="s">
        <v>8490</v>
      </c>
      <c r="C1645" t="s">
        <v>8491</v>
      </c>
      <c r="D1645" t="s">
        <v>8492</v>
      </c>
      <c r="E1645" t="s">
        <v>11</v>
      </c>
      <c r="G1645" t="s">
        <v>8493</v>
      </c>
    </row>
    <row r="1646" spans="1:7" x14ac:dyDescent="0.2">
      <c r="A1646" t="s">
        <v>8494</v>
      </c>
      <c r="B1646" t="s">
        <v>8495</v>
      </c>
      <c r="C1646" t="s">
        <v>8496</v>
      </c>
      <c r="D1646" t="s">
        <v>8497</v>
      </c>
      <c r="E1646" t="s">
        <v>17</v>
      </c>
      <c r="F1646" t="s">
        <v>70</v>
      </c>
      <c r="G1646" t="s">
        <v>8498</v>
      </c>
    </row>
    <row r="1647" spans="1:7" x14ac:dyDescent="0.2">
      <c r="A1647" t="s">
        <v>8499</v>
      </c>
      <c r="B1647" t="s">
        <v>8500</v>
      </c>
      <c r="C1647" t="s">
        <v>8501</v>
      </c>
      <c r="D1647" t="s">
        <v>8502</v>
      </c>
      <c r="E1647" t="s">
        <v>11</v>
      </c>
      <c r="G1647" t="s">
        <v>8503</v>
      </c>
    </row>
    <row r="1648" spans="1:7" x14ac:dyDescent="0.2">
      <c r="A1648" t="s">
        <v>8504</v>
      </c>
      <c r="B1648" t="s">
        <v>8505</v>
      </c>
      <c r="C1648" t="s">
        <v>8506</v>
      </c>
      <c r="D1648" t="s">
        <v>8507</v>
      </c>
      <c r="E1648" t="s">
        <v>11</v>
      </c>
      <c r="G1648" t="s">
        <v>8508</v>
      </c>
    </row>
    <row r="1649" spans="1:7" x14ac:dyDescent="0.2">
      <c r="A1649" t="s">
        <v>8509</v>
      </c>
      <c r="B1649" t="s">
        <v>8510</v>
      </c>
      <c r="C1649" t="s">
        <v>8511</v>
      </c>
      <c r="D1649" t="s">
        <v>8512</v>
      </c>
      <c r="E1649" t="s">
        <v>11</v>
      </c>
      <c r="G1649" t="s">
        <v>8513</v>
      </c>
    </row>
    <row r="1650" spans="1:7" x14ac:dyDescent="0.2">
      <c r="A1650" t="s">
        <v>8514</v>
      </c>
      <c r="B1650" t="s">
        <v>8515</v>
      </c>
      <c r="C1650" t="s">
        <v>8516</v>
      </c>
      <c r="D1650" t="s">
        <v>8517</v>
      </c>
      <c r="E1650" t="s">
        <v>11</v>
      </c>
      <c r="G1650" t="s">
        <v>8518</v>
      </c>
    </row>
    <row r="1651" spans="1:7" x14ac:dyDescent="0.2">
      <c r="A1651" t="s">
        <v>8519</v>
      </c>
      <c r="B1651" t="s">
        <v>8520</v>
      </c>
      <c r="C1651" t="s">
        <v>8521</v>
      </c>
      <c r="D1651" t="s">
        <v>8522</v>
      </c>
      <c r="E1651" t="s">
        <v>17</v>
      </c>
      <c r="F1651" t="s">
        <v>3631</v>
      </c>
      <c r="G1651" t="s">
        <v>8523</v>
      </c>
    </row>
    <row r="1652" spans="1:7" x14ac:dyDescent="0.2">
      <c r="A1652" t="s">
        <v>8524</v>
      </c>
      <c r="B1652" t="s">
        <v>8525</v>
      </c>
      <c r="C1652" t="s">
        <v>8526</v>
      </c>
      <c r="D1652" t="s">
        <v>8527</v>
      </c>
      <c r="E1652" t="s">
        <v>17</v>
      </c>
      <c r="F1652" t="s">
        <v>70</v>
      </c>
      <c r="G1652" t="s">
        <v>8528</v>
      </c>
    </row>
    <row r="1653" spans="1:7" x14ac:dyDescent="0.2">
      <c r="A1653" t="s">
        <v>8529</v>
      </c>
      <c r="B1653" t="s">
        <v>8530</v>
      </c>
      <c r="C1653" t="s">
        <v>8531</v>
      </c>
      <c r="D1653" t="s">
        <v>8532</v>
      </c>
      <c r="E1653" t="s">
        <v>17</v>
      </c>
      <c r="F1653" t="s">
        <v>70</v>
      </c>
      <c r="G1653" t="s">
        <v>8533</v>
      </c>
    </row>
    <row r="1654" spans="1:7" x14ac:dyDescent="0.2">
      <c r="A1654" t="s">
        <v>8534</v>
      </c>
      <c r="B1654" t="s">
        <v>8535</v>
      </c>
      <c r="C1654" t="s">
        <v>8536</v>
      </c>
      <c r="D1654" t="s">
        <v>8537</v>
      </c>
      <c r="E1654" t="s">
        <v>11</v>
      </c>
      <c r="G1654" t="s">
        <v>8538</v>
      </c>
    </row>
    <row r="1655" spans="1:7" x14ac:dyDescent="0.2">
      <c r="A1655" t="s">
        <v>8539</v>
      </c>
      <c r="B1655" t="s">
        <v>8540</v>
      </c>
      <c r="C1655" t="s">
        <v>8541</v>
      </c>
      <c r="D1655" t="s">
        <v>8542</v>
      </c>
      <c r="E1655" t="s">
        <v>11</v>
      </c>
      <c r="G1655" t="s">
        <v>8543</v>
      </c>
    </row>
    <row r="1656" spans="1:7" x14ac:dyDescent="0.2">
      <c r="A1656" t="s">
        <v>8544</v>
      </c>
      <c r="B1656" t="s">
        <v>8545</v>
      </c>
      <c r="C1656" t="s">
        <v>8546</v>
      </c>
      <c r="D1656" t="s">
        <v>8547</v>
      </c>
      <c r="E1656" t="s">
        <v>11</v>
      </c>
      <c r="G1656" t="s">
        <v>8548</v>
      </c>
    </row>
    <row r="1657" spans="1:7" x14ac:dyDescent="0.2">
      <c r="A1657" t="s">
        <v>8549</v>
      </c>
      <c r="B1657" t="s">
        <v>8550</v>
      </c>
      <c r="C1657" t="s">
        <v>8551</v>
      </c>
      <c r="D1657" t="s">
        <v>8552</v>
      </c>
      <c r="E1657" t="s">
        <v>11</v>
      </c>
      <c r="G1657" t="s">
        <v>8553</v>
      </c>
    </row>
    <row r="1658" spans="1:7" x14ac:dyDescent="0.2">
      <c r="A1658" t="s">
        <v>8554</v>
      </c>
      <c r="B1658" t="s">
        <v>8555</v>
      </c>
      <c r="C1658" t="s">
        <v>8556</v>
      </c>
      <c r="D1658" t="s">
        <v>8557</v>
      </c>
      <c r="E1658" t="s">
        <v>11</v>
      </c>
      <c r="G1658" t="s">
        <v>8558</v>
      </c>
    </row>
    <row r="1659" spans="1:7" x14ac:dyDescent="0.2">
      <c r="A1659" t="s">
        <v>8559</v>
      </c>
      <c r="B1659" t="s">
        <v>8560</v>
      </c>
      <c r="C1659" t="s">
        <v>8561</v>
      </c>
      <c r="D1659" t="s">
        <v>8562</v>
      </c>
      <c r="E1659" t="s">
        <v>11</v>
      </c>
      <c r="G1659" t="s">
        <v>8563</v>
      </c>
    </row>
    <row r="1660" spans="1:7" x14ac:dyDescent="0.2">
      <c r="A1660" t="s">
        <v>8564</v>
      </c>
      <c r="B1660" t="s">
        <v>8565</v>
      </c>
      <c r="C1660" t="s">
        <v>8566</v>
      </c>
      <c r="D1660" t="s">
        <v>8567</v>
      </c>
      <c r="E1660" t="s">
        <v>11</v>
      </c>
      <c r="G1660" t="s">
        <v>8568</v>
      </c>
    </row>
    <row r="1661" spans="1:7" x14ac:dyDescent="0.2">
      <c r="A1661" t="s">
        <v>8569</v>
      </c>
      <c r="B1661" t="s">
        <v>8570</v>
      </c>
      <c r="C1661" t="s">
        <v>8571</v>
      </c>
      <c r="D1661" t="s">
        <v>8572</v>
      </c>
      <c r="E1661" t="s">
        <v>11</v>
      </c>
      <c r="G1661" t="s">
        <v>8573</v>
      </c>
    </row>
    <row r="1662" spans="1:7" x14ac:dyDescent="0.2">
      <c r="A1662" t="s">
        <v>8574</v>
      </c>
      <c r="B1662" t="s">
        <v>8575</v>
      </c>
      <c r="C1662" t="s">
        <v>8576</v>
      </c>
      <c r="D1662" t="s">
        <v>8577</v>
      </c>
      <c r="E1662" t="s">
        <v>11</v>
      </c>
      <c r="G1662" t="s">
        <v>8578</v>
      </c>
    </row>
    <row r="1663" spans="1:7" x14ac:dyDescent="0.2">
      <c r="A1663" t="s">
        <v>8579</v>
      </c>
      <c r="B1663" t="s">
        <v>8580</v>
      </c>
      <c r="C1663" t="s">
        <v>8581</v>
      </c>
      <c r="D1663" t="s">
        <v>8582</v>
      </c>
      <c r="E1663" t="s">
        <v>11</v>
      </c>
      <c r="G1663" t="s">
        <v>8583</v>
      </c>
    </row>
    <row r="1664" spans="1:7" x14ac:dyDescent="0.2">
      <c r="A1664" t="s">
        <v>8584</v>
      </c>
      <c r="B1664" t="s">
        <v>8585</v>
      </c>
      <c r="C1664" t="s">
        <v>8586</v>
      </c>
      <c r="D1664" t="s">
        <v>8587</v>
      </c>
      <c r="E1664" t="s">
        <v>11</v>
      </c>
      <c r="G1664" t="s">
        <v>8588</v>
      </c>
    </row>
    <row r="1665" spans="1:7" x14ac:dyDescent="0.2">
      <c r="A1665" t="s">
        <v>8589</v>
      </c>
      <c r="B1665" t="s">
        <v>8590</v>
      </c>
      <c r="C1665" t="s">
        <v>8591</v>
      </c>
      <c r="D1665" t="s">
        <v>8592</v>
      </c>
      <c r="E1665" t="s">
        <v>11</v>
      </c>
      <c r="G1665" t="s">
        <v>8593</v>
      </c>
    </row>
    <row r="1666" spans="1:7" x14ac:dyDescent="0.2">
      <c r="A1666" t="s">
        <v>8594</v>
      </c>
      <c r="B1666" t="s">
        <v>8595</v>
      </c>
      <c r="C1666" t="s">
        <v>8596</v>
      </c>
      <c r="D1666" t="s">
        <v>8597</v>
      </c>
      <c r="E1666" t="s">
        <v>17</v>
      </c>
      <c r="F1666" t="s">
        <v>8598</v>
      </c>
      <c r="G1666" t="s">
        <v>8599</v>
      </c>
    </row>
    <row r="1667" spans="1:7" x14ac:dyDescent="0.2">
      <c r="A1667" t="s">
        <v>8600</v>
      </c>
      <c r="B1667" t="s">
        <v>8601</v>
      </c>
      <c r="C1667" t="s">
        <v>8602</v>
      </c>
      <c r="D1667" t="s">
        <v>8603</v>
      </c>
      <c r="E1667" t="s">
        <v>11</v>
      </c>
      <c r="G1667" t="s">
        <v>8604</v>
      </c>
    </row>
    <row r="1668" spans="1:7" x14ac:dyDescent="0.2">
      <c r="A1668" t="s">
        <v>8605</v>
      </c>
      <c r="B1668" t="s">
        <v>8606</v>
      </c>
      <c r="C1668" t="s">
        <v>8607</v>
      </c>
      <c r="D1668" t="s">
        <v>8608</v>
      </c>
      <c r="E1668" t="s">
        <v>11</v>
      </c>
      <c r="G1668" t="s">
        <v>8609</v>
      </c>
    </row>
    <row r="1669" spans="1:7" x14ac:dyDescent="0.2">
      <c r="A1669" t="s">
        <v>8610</v>
      </c>
      <c r="B1669" t="s">
        <v>8611</v>
      </c>
      <c r="C1669" t="s">
        <v>8612</v>
      </c>
      <c r="D1669" t="s">
        <v>8613</v>
      </c>
      <c r="E1669" t="s">
        <v>11</v>
      </c>
      <c r="G1669" t="s">
        <v>8614</v>
      </c>
    </row>
    <row r="1670" spans="1:7" x14ac:dyDescent="0.2">
      <c r="A1670" t="s">
        <v>8615</v>
      </c>
      <c r="B1670" t="s">
        <v>8616</v>
      </c>
      <c r="C1670" t="s">
        <v>8617</v>
      </c>
      <c r="D1670" t="s">
        <v>8618</v>
      </c>
      <c r="E1670" t="s">
        <v>11</v>
      </c>
      <c r="G1670" t="s">
        <v>8619</v>
      </c>
    </row>
    <row r="1671" spans="1:7" x14ac:dyDescent="0.2">
      <c r="A1671" t="s">
        <v>8620</v>
      </c>
      <c r="B1671" t="s">
        <v>8621</v>
      </c>
      <c r="C1671" t="s">
        <v>8622</v>
      </c>
      <c r="D1671" t="s">
        <v>8623</v>
      </c>
      <c r="E1671" t="s">
        <v>11</v>
      </c>
      <c r="G1671" t="s">
        <v>8624</v>
      </c>
    </row>
    <row r="1672" spans="1:7" x14ac:dyDescent="0.2">
      <c r="A1672" t="s">
        <v>8625</v>
      </c>
      <c r="B1672" t="s">
        <v>8626</v>
      </c>
      <c r="C1672" t="s">
        <v>8627</v>
      </c>
      <c r="D1672" t="s">
        <v>8628</v>
      </c>
      <c r="E1672" t="s">
        <v>11</v>
      </c>
      <c r="G1672" t="s">
        <v>8629</v>
      </c>
    </row>
    <row r="1673" spans="1:7" x14ac:dyDescent="0.2">
      <c r="A1673" t="s">
        <v>8630</v>
      </c>
      <c r="B1673" t="s">
        <v>8631</v>
      </c>
      <c r="C1673" t="s">
        <v>8632</v>
      </c>
      <c r="D1673" t="s">
        <v>8633</v>
      </c>
      <c r="E1673" t="s">
        <v>11</v>
      </c>
      <c r="G1673" t="s">
        <v>8634</v>
      </c>
    </row>
    <row r="1674" spans="1:7" x14ac:dyDescent="0.2">
      <c r="A1674" t="s">
        <v>8635</v>
      </c>
      <c r="B1674" t="s">
        <v>8636</v>
      </c>
      <c r="C1674" t="s">
        <v>8637</v>
      </c>
      <c r="D1674" t="s">
        <v>8638</v>
      </c>
      <c r="E1674" t="s">
        <v>287</v>
      </c>
      <c r="F1674" t="s">
        <v>8639</v>
      </c>
      <c r="G1674" t="s">
        <v>8640</v>
      </c>
    </row>
    <row r="1675" spans="1:7" x14ac:dyDescent="0.2">
      <c r="A1675" t="s">
        <v>8641</v>
      </c>
      <c r="B1675" t="s">
        <v>8642</v>
      </c>
      <c r="C1675" t="s">
        <v>8643</v>
      </c>
      <c r="D1675" t="s">
        <v>8644</v>
      </c>
      <c r="E1675" t="s">
        <v>17</v>
      </c>
      <c r="F1675" t="s">
        <v>45</v>
      </c>
      <c r="G1675" t="s">
        <v>8645</v>
      </c>
    </row>
    <row r="1676" spans="1:7" x14ac:dyDescent="0.2">
      <c r="A1676" t="s">
        <v>8646</v>
      </c>
      <c r="B1676" t="s">
        <v>8647</v>
      </c>
      <c r="C1676" t="s">
        <v>8648</v>
      </c>
      <c r="D1676" t="s">
        <v>8649</v>
      </c>
      <c r="E1676" t="s">
        <v>11</v>
      </c>
      <c r="G1676" t="s">
        <v>8650</v>
      </c>
    </row>
    <row r="1677" spans="1:7" x14ac:dyDescent="0.2">
      <c r="A1677" t="s">
        <v>8651</v>
      </c>
      <c r="B1677" t="s">
        <v>8652</v>
      </c>
      <c r="C1677" t="s">
        <v>8653</v>
      </c>
      <c r="D1677" t="s">
        <v>8654</v>
      </c>
      <c r="E1677" t="s">
        <v>17</v>
      </c>
      <c r="F1677" t="s">
        <v>18</v>
      </c>
      <c r="G1677" t="s">
        <v>8655</v>
      </c>
    </row>
    <row r="1678" spans="1:7" x14ac:dyDescent="0.2">
      <c r="A1678" t="s">
        <v>8656</v>
      </c>
      <c r="B1678" t="s">
        <v>8657</v>
      </c>
      <c r="C1678" t="s">
        <v>8658</v>
      </c>
      <c r="D1678" t="s">
        <v>8659</v>
      </c>
      <c r="E1678" t="s">
        <v>11</v>
      </c>
      <c r="G1678" t="s">
        <v>8660</v>
      </c>
    </row>
    <row r="1679" spans="1:7" x14ac:dyDescent="0.2">
      <c r="A1679" t="s">
        <v>8661</v>
      </c>
      <c r="B1679" t="s">
        <v>8662</v>
      </c>
      <c r="C1679" t="s">
        <v>8663</v>
      </c>
      <c r="D1679" t="s">
        <v>8664</v>
      </c>
      <c r="E1679" t="s">
        <v>11</v>
      </c>
      <c r="G1679" t="s">
        <v>8665</v>
      </c>
    </row>
    <row r="1680" spans="1:7" x14ac:dyDescent="0.2">
      <c r="A1680" t="s">
        <v>8666</v>
      </c>
      <c r="B1680" t="s">
        <v>8667</v>
      </c>
      <c r="C1680" t="s">
        <v>8668</v>
      </c>
      <c r="D1680" t="s">
        <v>8669</v>
      </c>
      <c r="E1680" t="s">
        <v>11</v>
      </c>
      <c r="G1680" t="s">
        <v>8670</v>
      </c>
    </row>
    <row r="1681" spans="1:7" x14ac:dyDescent="0.2">
      <c r="A1681" t="s">
        <v>8671</v>
      </c>
      <c r="B1681" t="s">
        <v>8672</v>
      </c>
      <c r="C1681" t="s">
        <v>8673</v>
      </c>
      <c r="D1681" t="s">
        <v>8674</v>
      </c>
      <c r="E1681" t="s">
        <v>287</v>
      </c>
      <c r="F1681" t="s">
        <v>8675</v>
      </c>
      <c r="G1681" t="s">
        <v>8676</v>
      </c>
    </row>
    <row r="1682" spans="1:7" x14ac:dyDescent="0.2">
      <c r="A1682" t="s">
        <v>8677</v>
      </c>
      <c r="B1682" t="s">
        <v>8678</v>
      </c>
      <c r="C1682" t="s">
        <v>8679</v>
      </c>
      <c r="D1682" t="s">
        <v>8680</v>
      </c>
      <c r="E1682" t="s">
        <v>17</v>
      </c>
      <c r="F1682" t="s">
        <v>70</v>
      </c>
      <c r="G1682" t="s">
        <v>8681</v>
      </c>
    </row>
    <row r="1683" spans="1:7" x14ac:dyDescent="0.2">
      <c r="A1683" t="s">
        <v>8682</v>
      </c>
      <c r="B1683" t="s">
        <v>8683</v>
      </c>
      <c r="C1683" t="s">
        <v>8684</v>
      </c>
      <c r="D1683" t="s">
        <v>8685</v>
      </c>
      <c r="E1683" t="s">
        <v>11</v>
      </c>
      <c r="G1683" t="s">
        <v>8686</v>
      </c>
    </row>
    <row r="1684" spans="1:7" x14ac:dyDescent="0.2">
      <c r="A1684" t="s">
        <v>8687</v>
      </c>
      <c r="B1684" t="s">
        <v>8688</v>
      </c>
      <c r="C1684" t="s">
        <v>8689</v>
      </c>
      <c r="D1684" t="s">
        <v>8690</v>
      </c>
      <c r="E1684" t="s">
        <v>11</v>
      </c>
      <c r="G1684" t="s">
        <v>8691</v>
      </c>
    </row>
    <row r="1685" spans="1:7" x14ac:dyDescent="0.2">
      <c r="A1685" t="s">
        <v>8692</v>
      </c>
      <c r="B1685" t="s">
        <v>8693</v>
      </c>
      <c r="C1685" t="s">
        <v>8694</v>
      </c>
      <c r="D1685" t="s">
        <v>8695</v>
      </c>
      <c r="E1685" t="s">
        <v>11</v>
      </c>
      <c r="G1685" t="s">
        <v>8696</v>
      </c>
    </row>
    <row r="1686" spans="1:7" x14ac:dyDescent="0.2">
      <c r="A1686" t="s">
        <v>8697</v>
      </c>
      <c r="B1686" t="s">
        <v>8698</v>
      </c>
      <c r="C1686" t="s">
        <v>8699</v>
      </c>
      <c r="D1686" t="s">
        <v>8700</v>
      </c>
      <c r="E1686" t="s">
        <v>17</v>
      </c>
      <c r="F1686" t="s">
        <v>8701</v>
      </c>
      <c r="G1686" t="s">
        <v>8702</v>
      </c>
    </row>
    <row r="1687" spans="1:7" x14ac:dyDescent="0.2">
      <c r="A1687" t="s">
        <v>8703</v>
      </c>
      <c r="B1687" t="s">
        <v>8704</v>
      </c>
      <c r="C1687" t="s">
        <v>8705</v>
      </c>
      <c r="D1687" t="s">
        <v>8706</v>
      </c>
      <c r="E1687" t="s">
        <v>11</v>
      </c>
      <c r="G1687" t="s">
        <v>8707</v>
      </c>
    </row>
    <row r="1688" spans="1:7" x14ac:dyDescent="0.2">
      <c r="A1688" t="s">
        <v>8708</v>
      </c>
      <c r="B1688" t="s">
        <v>8709</v>
      </c>
      <c r="C1688" t="s">
        <v>8710</v>
      </c>
      <c r="D1688" t="s">
        <v>8711</v>
      </c>
      <c r="E1688" t="s">
        <v>11</v>
      </c>
      <c r="G1688" t="s">
        <v>8712</v>
      </c>
    </row>
    <row r="1689" spans="1:7" x14ac:dyDescent="0.2">
      <c r="A1689" t="s">
        <v>8713</v>
      </c>
      <c r="B1689" t="s">
        <v>8714</v>
      </c>
      <c r="C1689" t="s">
        <v>8715</v>
      </c>
      <c r="D1689" t="s">
        <v>8716</v>
      </c>
      <c r="E1689" t="s">
        <v>17</v>
      </c>
      <c r="F1689" t="s">
        <v>8717</v>
      </c>
      <c r="G1689" t="s">
        <v>8718</v>
      </c>
    </row>
    <row r="1690" spans="1:7" x14ac:dyDescent="0.2">
      <c r="A1690" t="s">
        <v>8719</v>
      </c>
      <c r="B1690" t="s">
        <v>8720</v>
      </c>
      <c r="C1690" t="s">
        <v>8721</v>
      </c>
      <c r="D1690" t="s">
        <v>8722</v>
      </c>
      <c r="E1690" t="s">
        <v>11</v>
      </c>
      <c r="G1690" t="s">
        <v>8723</v>
      </c>
    </row>
    <row r="1691" spans="1:7" x14ac:dyDescent="0.2">
      <c r="A1691" t="s">
        <v>8724</v>
      </c>
      <c r="B1691" t="s">
        <v>8725</v>
      </c>
      <c r="C1691" t="s">
        <v>8726</v>
      </c>
      <c r="D1691" t="s">
        <v>8727</v>
      </c>
      <c r="E1691" t="s">
        <v>11</v>
      </c>
      <c r="G1691" t="s">
        <v>8728</v>
      </c>
    </row>
    <row r="1692" spans="1:7" x14ac:dyDescent="0.2">
      <c r="A1692" t="s">
        <v>8729</v>
      </c>
      <c r="B1692" t="s">
        <v>8730</v>
      </c>
      <c r="C1692" t="s">
        <v>8731</v>
      </c>
      <c r="D1692" t="s">
        <v>8732</v>
      </c>
      <c r="E1692" t="s">
        <v>11</v>
      </c>
      <c r="G1692" t="s">
        <v>8733</v>
      </c>
    </row>
    <row r="1693" spans="1:7" x14ac:dyDescent="0.2">
      <c r="A1693" t="s">
        <v>8734</v>
      </c>
      <c r="B1693" t="s">
        <v>8735</v>
      </c>
      <c r="C1693" t="s">
        <v>8736</v>
      </c>
      <c r="D1693" t="s">
        <v>8737</v>
      </c>
      <c r="E1693" t="s">
        <v>17</v>
      </c>
      <c r="F1693" t="s">
        <v>70</v>
      </c>
      <c r="G1693" t="s">
        <v>8738</v>
      </c>
    </row>
    <row r="1694" spans="1:7" x14ac:dyDescent="0.2">
      <c r="A1694" t="s">
        <v>8739</v>
      </c>
      <c r="B1694" t="s">
        <v>8740</v>
      </c>
      <c r="C1694" t="s">
        <v>8741</v>
      </c>
      <c r="D1694" t="s">
        <v>8742</v>
      </c>
      <c r="E1694" t="s">
        <v>11</v>
      </c>
      <c r="G1694" t="s">
        <v>8743</v>
      </c>
    </row>
    <row r="1695" spans="1:7" x14ac:dyDescent="0.2">
      <c r="A1695" t="s">
        <v>8744</v>
      </c>
      <c r="B1695" t="s">
        <v>8745</v>
      </c>
      <c r="C1695" t="s">
        <v>8746</v>
      </c>
      <c r="D1695" t="s">
        <v>8747</v>
      </c>
      <c r="E1695" t="s">
        <v>11</v>
      </c>
      <c r="G1695" t="s">
        <v>8748</v>
      </c>
    </row>
    <row r="1696" spans="1:7" x14ac:dyDescent="0.2">
      <c r="A1696" t="s">
        <v>8749</v>
      </c>
      <c r="B1696" t="s">
        <v>8750</v>
      </c>
      <c r="C1696" t="s">
        <v>8751</v>
      </c>
      <c r="D1696" t="s">
        <v>8752</v>
      </c>
      <c r="E1696" t="s">
        <v>11</v>
      </c>
      <c r="G1696" t="s">
        <v>8753</v>
      </c>
    </row>
    <row r="1697" spans="1:7" x14ac:dyDescent="0.2">
      <c r="A1697" t="s">
        <v>8754</v>
      </c>
      <c r="B1697" t="s">
        <v>8755</v>
      </c>
      <c r="C1697" t="s">
        <v>8756</v>
      </c>
      <c r="D1697" t="s">
        <v>3266</v>
      </c>
      <c r="E1697" t="s">
        <v>17</v>
      </c>
      <c r="F1697" t="s">
        <v>8757</v>
      </c>
      <c r="G1697" t="s">
        <v>8758</v>
      </c>
    </row>
    <row r="1698" spans="1:7" x14ac:dyDescent="0.2">
      <c r="A1698" t="s">
        <v>8759</v>
      </c>
      <c r="B1698" t="s">
        <v>8760</v>
      </c>
      <c r="C1698" t="s">
        <v>8761</v>
      </c>
      <c r="D1698" t="s">
        <v>8762</v>
      </c>
      <c r="E1698" t="s">
        <v>11</v>
      </c>
      <c r="G1698" t="s">
        <v>8763</v>
      </c>
    </row>
    <row r="1699" spans="1:7" x14ac:dyDescent="0.2">
      <c r="A1699" t="s">
        <v>8764</v>
      </c>
      <c r="B1699" t="s">
        <v>8765</v>
      </c>
      <c r="C1699" t="s">
        <v>8766</v>
      </c>
      <c r="D1699" t="s">
        <v>8767</v>
      </c>
      <c r="E1699" t="s">
        <v>11</v>
      </c>
      <c r="G1699" t="s">
        <v>8768</v>
      </c>
    </row>
    <row r="1700" spans="1:7" x14ac:dyDescent="0.2">
      <c r="A1700" t="s">
        <v>8769</v>
      </c>
      <c r="B1700" t="s">
        <v>8770</v>
      </c>
      <c r="C1700" t="s">
        <v>8771</v>
      </c>
      <c r="D1700" t="s">
        <v>8772</v>
      </c>
      <c r="E1700" t="s">
        <v>17</v>
      </c>
      <c r="F1700" t="s">
        <v>310</v>
      </c>
      <c r="G1700" t="s">
        <v>8773</v>
      </c>
    </row>
    <row r="1701" spans="1:7" x14ac:dyDescent="0.2">
      <c r="A1701" t="s">
        <v>8774</v>
      </c>
      <c r="B1701" t="s">
        <v>8775</v>
      </c>
      <c r="C1701" t="s">
        <v>8776</v>
      </c>
      <c r="D1701" t="s">
        <v>8777</v>
      </c>
      <c r="E1701" t="s">
        <v>17</v>
      </c>
      <c r="F1701" t="s">
        <v>4131</v>
      </c>
      <c r="G1701" t="s">
        <v>8778</v>
      </c>
    </row>
    <row r="1702" spans="1:7" x14ac:dyDescent="0.2">
      <c r="A1702" t="s">
        <v>8779</v>
      </c>
      <c r="B1702" t="s">
        <v>8780</v>
      </c>
      <c r="C1702" t="s">
        <v>8781</v>
      </c>
      <c r="D1702" t="s">
        <v>8782</v>
      </c>
      <c r="E1702" t="s">
        <v>11</v>
      </c>
      <c r="G1702" t="s">
        <v>8783</v>
      </c>
    </row>
    <row r="1703" spans="1:7" x14ac:dyDescent="0.2">
      <c r="A1703" t="s">
        <v>8784</v>
      </c>
      <c r="B1703" t="s">
        <v>8785</v>
      </c>
      <c r="C1703" t="s">
        <v>8786</v>
      </c>
      <c r="D1703" t="s">
        <v>8787</v>
      </c>
      <c r="E1703" t="s">
        <v>11</v>
      </c>
      <c r="G1703" t="s">
        <v>8788</v>
      </c>
    </row>
    <row r="1704" spans="1:7" x14ac:dyDescent="0.2">
      <c r="A1704" t="s">
        <v>8789</v>
      </c>
      <c r="B1704" t="s">
        <v>8790</v>
      </c>
      <c r="C1704" t="s">
        <v>8791</v>
      </c>
      <c r="D1704" t="s">
        <v>8792</v>
      </c>
      <c r="E1704" t="s">
        <v>11</v>
      </c>
      <c r="G1704" t="s">
        <v>8793</v>
      </c>
    </row>
    <row r="1705" spans="1:7" x14ac:dyDescent="0.2">
      <c r="A1705" t="s">
        <v>8794</v>
      </c>
      <c r="B1705" t="s">
        <v>8795</v>
      </c>
      <c r="C1705" t="s">
        <v>8796</v>
      </c>
      <c r="D1705" t="s">
        <v>8797</v>
      </c>
      <c r="E1705" t="s">
        <v>11</v>
      </c>
      <c r="G1705" t="s">
        <v>8798</v>
      </c>
    </row>
    <row r="1706" spans="1:7" x14ac:dyDescent="0.2">
      <c r="A1706" t="s">
        <v>8799</v>
      </c>
      <c r="B1706" t="s">
        <v>8800</v>
      </c>
      <c r="C1706" t="s">
        <v>8801</v>
      </c>
      <c r="D1706" t="s">
        <v>8802</v>
      </c>
      <c r="E1706" t="s">
        <v>11</v>
      </c>
      <c r="G1706" t="s">
        <v>8803</v>
      </c>
    </row>
    <row r="1707" spans="1:7" x14ac:dyDescent="0.2">
      <c r="A1707" t="s">
        <v>8804</v>
      </c>
      <c r="B1707" t="s">
        <v>8805</v>
      </c>
      <c r="C1707" t="s">
        <v>8806</v>
      </c>
      <c r="D1707" t="s">
        <v>8807</v>
      </c>
      <c r="E1707" t="s">
        <v>287</v>
      </c>
      <c r="F1707" t="s">
        <v>332</v>
      </c>
      <c r="G1707" t="s">
        <v>8808</v>
      </c>
    </row>
    <row r="1708" spans="1:7" x14ac:dyDescent="0.2">
      <c r="A1708" t="s">
        <v>8809</v>
      </c>
      <c r="B1708" t="s">
        <v>8810</v>
      </c>
      <c r="C1708" t="s">
        <v>8811</v>
      </c>
      <c r="D1708" t="s">
        <v>8812</v>
      </c>
      <c r="E1708" t="s">
        <v>11</v>
      </c>
      <c r="G1708" t="s">
        <v>8813</v>
      </c>
    </row>
    <row r="1709" spans="1:7" x14ac:dyDescent="0.2">
      <c r="A1709" t="s">
        <v>8814</v>
      </c>
      <c r="B1709" t="s">
        <v>8815</v>
      </c>
      <c r="C1709" t="s">
        <v>8816</v>
      </c>
      <c r="D1709" t="s">
        <v>8817</v>
      </c>
      <c r="E1709" t="s">
        <v>11</v>
      </c>
      <c r="G1709" t="s">
        <v>8818</v>
      </c>
    </row>
    <row r="1710" spans="1:7" x14ac:dyDescent="0.2">
      <c r="A1710" t="s">
        <v>8819</v>
      </c>
      <c r="B1710" t="s">
        <v>8820</v>
      </c>
      <c r="C1710" t="s">
        <v>8821</v>
      </c>
      <c r="D1710" t="s">
        <v>8822</v>
      </c>
      <c r="E1710" t="s">
        <v>11</v>
      </c>
      <c r="G1710" t="s">
        <v>8823</v>
      </c>
    </row>
    <row r="1711" spans="1:7" x14ac:dyDescent="0.2">
      <c r="A1711" t="s">
        <v>8824</v>
      </c>
      <c r="B1711" t="s">
        <v>8825</v>
      </c>
      <c r="C1711" t="s">
        <v>8826</v>
      </c>
      <c r="D1711" t="s">
        <v>8827</v>
      </c>
      <c r="E1711" t="s">
        <v>11</v>
      </c>
      <c r="G1711" t="s">
        <v>8828</v>
      </c>
    </row>
    <row r="1712" spans="1:7" x14ac:dyDescent="0.2">
      <c r="A1712" t="s">
        <v>8829</v>
      </c>
      <c r="B1712" t="s">
        <v>8830</v>
      </c>
      <c r="C1712" t="s">
        <v>8831</v>
      </c>
      <c r="D1712" t="s">
        <v>8832</v>
      </c>
      <c r="E1712" t="s">
        <v>11</v>
      </c>
      <c r="G1712" t="s">
        <v>8833</v>
      </c>
    </row>
    <row r="1713" spans="1:7" x14ac:dyDescent="0.2">
      <c r="A1713" t="s">
        <v>8834</v>
      </c>
      <c r="B1713" t="s">
        <v>8835</v>
      </c>
      <c r="C1713" t="s">
        <v>8836</v>
      </c>
      <c r="D1713" t="s">
        <v>8837</v>
      </c>
      <c r="E1713" t="s">
        <v>11</v>
      </c>
      <c r="G1713" t="s">
        <v>8838</v>
      </c>
    </row>
    <row r="1714" spans="1:7" x14ac:dyDescent="0.2">
      <c r="A1714" t="s">
        <v>8839</v>
      </c>
      <c r="B1714" t="s">
        <v>8840</v>
      </c>
      <c r="C1714" t="s">
        <v>8841</v>
      </c>
      <c r="D1714" t="s">
        <v>8842</v>
      </c>
      <c r="E1714" t="s">
        <v>11</v>
      </c>
      <c r="G1714" t="s">
        <v>8843</v>
      </c>
    </row>
    <row r="1715" spans="1:7" x14ac:dyDescent="0.2">
      <c r="A1715" t="s">
        <v>8844</v>
      </c>
      <c r="B1715" t="s">
        <v>8845</v>
      </c>
      <c r="C1715" t="s">
        <v>8846</v>
      </c>
      <c r="D1715" t="s">
        <v>8847</v>
      </c>
      <c r="E1715" t="s">
        <v>11</v>
      </c>
      <c r="G1715" t="s">
        <v>8848</v>
      </c>
    </row>
    <row r="1716" spans="1:7" x14ac:dyDescent="0.2">
      <c r="A1716" t="s">
        <v>8849</v>
      </c>
      <c r="B1716" t="s">
        <v>8850</v>
      </c>
      <c r="C1716" t="s">
        <v>8851</v>
      </c>
      <c r="D1716" t="s">
        <v>8852</v>
      </c>
      <c r="E1716" t="s">
        <v>11</v>
      </c>
      <c r="G1716" t="s">
        <v>8853</v>
      </c>
    </row>
    <row r="1717" spans="1:7" x14ac:dyDescent="0.2">
      <c r="A1717" t="s">
        <v>8854</v>
      </c>
      <c r="B1717" t="s">
        <v>8855</v>
      </c>
      <c r="C1717" t="s">
        <v>8856</v>
      </c>
      <c r="D1717" t="s">
        <v>8857</v>
      </c>
      <c r="E1717" t="s">
        <v>11</v>
      </c>
      <c r="G1717" t="s">
        <v>8858</v>
      </c>
    </row>
    <row r="1718" spans="1:7" x14ac:dyDescent="0.2">
      <c r="A1718" t="s">
        <v>8859</v>
      </c>
      <c r="B1718" t="s">
        <v>8860</v>
      </c>
      <c r="C1718" t="s">
        <v>8861</v>
      </c>
      <c r="D1718" t="s">
        <v>8862</v>
      </c>
      <c r="E1718" t="s">
        <v>17</v>
      </c>
      <c r="F1718" t="s">
        <v>57</v>
      </c>
      <c r="G1718" t="s">
        <v>8863</v>
      </c>
    </row>
    <row r="1719" spans="1:7" x14ac:dyDescent="0.2">
      <c r="A1719" t="s">
        <v>8864</v>
      </c>
      <c r="B1719" t="s">
        <v>8865</v>
      </c>
      <c r="C1719" t="s">
        <v>8866</v>
      </c>
      <c r="D1719" t="s">
        <v>8867</v>
      </c>
      <c r="E1719" t="s">
        <v>11</v>
      </c>
      <c r="G1719" t="s">
        <v>8868</v>
      </c>
    </row>
    <row r="1720" spans="1:7" x14ac:dyDescent="0.2">
      <c r="A1720" t="s">
        <v>8869</v>
      </c>
      <c r="B1720" t="s">
        <v>8870</v>
      </c>
      <c r="C1720" t="s">
        <v>8871</v>
      </c>
      <c r="D1720" t="s">
        <v>8872</v>
      </c>
      <c r="E1720" t="s">
        <v>17</v>
      </c>
      <c r="F1720" t="s">
        <v>4619</v>
      </c>
      <c r="G1720" t="s">
        <v>8873</v>
      </c>
    </row>
    <row r="1721" spans="1:7" x14ac:dyDescent="0.2">
      <c r="A1721" t="s">
        <v>8874</v>
      </c>
      <c r="B1721" t="s">
        <v>8875</v>
      </c>
      <c r="C1721" t="s">
        <v>8876</v>
      </c>
      <c r="D1721" t="s">
        <v>8877</v>
      </c>
      <c r="E1721" t="s">
        <v>17</v>
      </c>
      <c r="F1721" t="s">
        <v>45</v>
      </c>
      <c r="G1721" t="s">
        <v>8878</v>
      </c>
    </row>
    <row r="1722" spans="1:7" x14ac:dyDescent="0.2">
      <c r="A1722" t="s">
        <v>8879</v>
      </c>
      <c r="B1722" t="s">
        <v>8880</v>
      </c>
      <c r="C1722" t="s">
        <v>8881</v>
      </c>
      <c r="D1722" t="s">
        <v>8882</v>
      </c>
      <c r="E1722" t="s">
        <v>17</v>
      </c>
      <c r="F1722" t="s">
        <v>8883</v>
      </c>
      <c r="G1722" t="s">
        <v>8884</v>
      </c>
    </row>
    <row r="1723" spans="1:7" x14ac:dyDescent="0.2">
      <c r="A1723" t="s">
        <v>8885</v>
      </c>
      <c r="B1723" t="s">
        <v>8886</v>
      </c>
      <c r="C1723" t="s">
        <v>8887</v>
      </c>
      <c r="D1723" t="s">
        <v>8888</v>
      </c>
      <c r="E1723" t="s">
        <v>287</v>
      </c>
      <c r="F1723" t="s">
        <v>2416</v>
      </c>
      <c r="G1723" t="s">
        <v>8889</v>
      </c>
    </row>
    <row r="1724" spans="1:7" x14ac:dyDescent="0.2">
      <c r="A1724" t="s">
        <v>8890</v>
      </c>
      <c r="B1724" t="s">
        <v>8891</v>
      </c>
      <c r="C1724" t="s">
        <v>8892</v>
      </c>
      <c r="D1724" t="s">
        <v>8893</v>
      </c>
      <c r="E1724" t="s">
        <v>11</v>
      </c>
      <c r="G1724" t="s">
        <v>8894</v>
      </c>
    </row>
    <row r="1725" spans="1:7" x14ac:dyDescent="0.2">
      <c r="A1725" t="s">
        <v>8895</v>
      </c>
      <c r="B1725" t="s">
        <v>8896</v>
      </c>
      <c r="C1725" t="s">
        <v>8897</v>
      </c>
      <c r="D1725" t="s">
        <v>8898</v>
      </c>
      <c r="E1725" t="s">
        <v>11</v>
      </c>
      <c r="G1725" t="s">
        <v>8899</v>
      </c>
    </row>
    <row r="1726" spans="1:7" x14ac:dyDescent="0.2">
      <c r="A1726" t="s">
        <v>8900</v>
      </c>
      <c r="B1726" t="s">
        <v>8901</v>
      </c>
      <c r="C1726" t="s">
        <v>8902</v>
      </c>
      <c r="D1726" t="s">
        <v>8903</v>
      </c>
      <c r="E1726" t="s">
        <v>11</v>
      </c>
      <c r="G1726" t="s">
        <v>8904</v>
      </c>
    </row>
    <row r="1727" spans="1:7" x14ac:dyDescent="0.2">
      <c r="A1727" t="s">
        <v>8905</v>
      </c>
      <c r="B1727" t="s">
        <v>8906</v>
      </c>
      <c r="C1727" t="s">
        <v>8907</v>
      </c>
      <c r="D1727" t="s">
        <v>8908</v>
      </c>
      <c r="E1727" t="s">
        <v>11</v>
      </c>
      <c r="G1727" t="s">
        <v>8909</v>
      </c>
    </row>
    <row r="1728" spans="1:7" x14ac:dyDescent="0.2">
      <c r="A1728" t="s">
        <v>8910</v>
      </c>
      <c r="B1728" t="s">
        <v>8911</v>
      </c>
      <c r="C1728" t="s">
        <v>8912</v>
      </c>
      <c r="D1728" t="s">
        <v>8913</v>
      </c>
      <c r="E1728" t="s">
        <v>17</v>
      </c>
      <c r="F1728" t="s">
        <v>70</v>
      </c>
      <c r="G1728" t="s">
        <v>8914</v>
      </c>
    </row>
    <row r="1729" spans="1:7" x14ac:dyDescent="0.2">
      <c r="A1729" t="s">
        <v>8915</v>
      </c>
      <c r="B1729" t="s">
        <v>8916</v>
      </c>
      <c r="C1729" t="s">
        <v>8917</v>
      </c>
      <c r="D1729" t="s">
        <v>8918</v>
      </c>
      <c r="E1729" t="s">
        <v>17</v>
      </c>
      <c r="F1729" t="s">
        <v>70</v>
      </c>
      <c r="G1729" t="s">
        <v>8919</v>
      </c>
    </row>
    <row r="1730" spans="1:7" x14ac:dyDescent="0.2">
      <c r="A1730" t="s">
        <v>8920</v>
      </c>
      <c r="B1730" t="s">
        <v>8921</v>
      </c>
      <c r="C1730" t="s">
        <v>8922</v>
      </c>
      <c r="D1730" t="s">
        <v>8923</v>
      </c>
      <c r="E1730" t="s">
        <v>11</v>
      </c>
      <c r="G1730" t="s">
        <v>8924</v>
      </c>
    </row>
    <row r="1731" spans="1:7" x14ac:dyDescent="0.2">
      <c r="A1731" t="s">
        <v>8925</v>
      </c>
      <c r="B1731" t="s">
        <v>8926</v>
      </c>
      <c r="C1731" t="s">
        <v>8927</v>
      </c>
      <c r="D1731" t="s">
        <v>8928</v>
      </c>
      <c r="E1731" t="s">
        <v>17</v>
      </c>
      <c r="F1731" t="s">
        <v>2373</v>
      </c>
      <c r="G1731" t="s">
        <v>8929</v>
      </c>
    </row>
    <row r="1732" spans="1:7" x14ac:dyDescent="0.2">
      <c r="A1732" t="s">
        <v>8930</v>
      </c>
      <c r="B1732" t="s">
        <v>8931</v>
      </c>
      <c r="C1732" t="s">
        <v>8932</v>
      </c>
      <c r="D1732" t="s">
        <v>8933</v>
      </c>
      <c r="E1732" t="s">
        <v>11</v>
      </c>
      <c r="G1732" t="s">
        <v>8934</v>
      </c>
    </row>
    <row r="1733" spans="1:7" x14ac:dyDescent="0.2">
      <c r="A1733" t="s">
        <v>8935</v>
      </c>
      <c r="B1733" t="s">
        <v>8936</v>
      </c>
      <c r="C1733" t="s">
        <v>8937</v>
      </c>
      <c r="D1733" t="s">
        <v>8938</v>
      </c>
      <c r="E1733" t="s">
        <v>17</v>
      </c>
      <c r="F1733" t="s">
        <v>7107</v>
      </c>
      <c r="G1733" t="s">
        <v>8939</v>
      </c>
    </row>
    <row r="1734" spans="1:7" x14ac:dyDescent="0.2">
      <c r="A1734" t="s">
        <v>8940</v>
      </c>
      <c r="B1734" t="s">
        <v>8941</v>
      </c>
      <c r="C1734" t="s">
        <v>8942</v>
      </c>
      <c r="D1734" t="s">
        <v>8943</v>
      </c>
      <c r="E1734" t="s">
        <v>287</v>
      </c>
      <c r="F1734" t="s">
        <v>8944</v>
      </c>
      <c r="G1734" t="s">
        <v>8945</v>
      </c>
    </row>
    <row r="1735" spans="1:7" x14ac:dyDescent="0.2">
      <c r="A1735" t="s">
        <v>8946</v>
      </c>
      <c r="B1735" t="s">
        <v>8947</v>
      </c>
      <c r="C1735" t="s">
        <v>8948</v>
      </c>
      <c r="D1735" t="s">
        <v>8949</v>
      </c>
      <c r="E1735" t="s">
        <v>11</v>
      </c>
      <c r="G1735" t="s">
        <v>8950</v>
      </c>
    </row>
    <row r="1736" spans="1:7" x14ac:dyDescent="0.2">
      <c r="A1736" t="s">
        <v>8951</v>
      </c>
      <c r="B1736" t="s">
        <v>8952</v>
      </c>
      <c r="C1736" t="s">
        <v>8953</v>
      </c>
      <c r="D1736" t="s">
        <v>8954</v>
      </c>
      <c r="E1736" t="s">
        <v>11</v>
      </c>
      <c r="G1736" t="s">
        <v>8955</v>
      </c>
    </row>
    <row r="1737" spans="1:7" x14ac:dyDescent="0.2">
      <c r="A1737" t="s">
        <v>8956</v>
      </c>
      <c r="B1737" t="s">
        <v>8957</v>
      </c>
      <c r="C1737" t="s">
        <v>8958</v>
      </c>
      <c r="D1737" t="s">
        <v>8959</v>
      </c>
      <c r="E1737" t="s">
        <v>63</v>
      </c>
      <c r="F1737" t="s">
        <v>8960</v>
      </c>
      <c r="G1737" t="s">
        <v>8961</v>
      </c>
    </row>
    <row r="1738" spans="1:7" x14ac:dyDescent="0.2">
      <c r="A1738" t="s">
        <v>8962</v>
      </c>
      <c r="B1738" t="s">
        <v>8963</v>
      </c>
      <c r="C1738" t="s">
        <v>8964</v>
      </c>
      <c r="D1738" t="s">
        <v>8965</v>
      </c>
      <c r="E1738" t="s">
        <v>11</v>
      </c>
      <c r="G1738" t="s">
        <v>8966</v>
      </c>
    </row>
    <row r="1739" spans="1:7" x14ac:dyDescent="0.2">
      <c r="A1739" t="s">
        <v>8967</v>
      </c>
      <c r="B1739" t="s">
        <v>8968</v>
      </c>
      <c r="C1739" t="s">
        <v>8969</v>
      </c>
      <c r="D1739" t="s">
        <v>8970</v>
      </c>
      <c r="E1739" t="s">
        <v>287</v>
      </c>
      <c r="F1739" t="s">
        <v>332</v>
      </c>
      <c r="G1739" t="s">
        <v>8971</v>
      </c>
    </row>
    <row r="1740" spans="1:7" x14ac:dyDescent="0.2">
      <c r="A1740" t="s">
        <v>8972</v>
      </c>
      <c r="B1740" t="s">
        <v>8973</v>
      </c>
      <c r="C1740" t="s">
        <v>8974</v>
      </c>
      <c r="D1740" t="s">
        <v>8975</v>
      </c>
      <c r="E1740" t="s">
        <v>11</v>
      </c>
      <c r="G1740" t="s">
        <v>8976</v>
      </c>
    </row>
    <row r="1741" spans="1:7" x14ac:dyDescent="0.2">
      <c r="A1741" t="s">
        <v>8977</v>
      </c>
      <c r="B1741" t="s">
        <v>8978</v>
      </c>
      <c r="C1741" t="s">
        <v>8979</v>
      </c>
      <c r="D1741" t="s">
        <v>8980</v>
      </c>
      <c r="E1741" t="s">
        <v>11</v>
      </c>
      <c r="G1741" t="s">
        <v>8981</v>
      </c>
    </row>
    <row r="1742" spans="1:7" x14ac:dyDescent="0.2">
      <c r="A1742" t="s">
        <v>8982</v>
      </c>
      <c r="B1742" t="s">
        <v>8983</v>
      </c>
      <c r="C1742" t="s">
        <v>8984</v>
      </c>
      <c r="D1742" t="s">
        <v>8985</v>
      </c>
      <c r="E1742" t="s">
        <v>287</v>
      </c>
      <c r="F1742" t="s">
        <v>527</v>
      </c>
      <c r="G1742" t="s">
        <v>8986</v>
      </c>
    </row>
    <row r="1743" spans="1:7" x14ac:dyDescent="0.2">
      <c r="A1743" t="s">
        <v>8987</v>
      </c>
      <c r="B1743" t="s">
        <v>8988</v>
      </c>
      <c r="C1743" t="s">
        <v>8989</v>
      </c>
      <c r="D1743" t="s">
        <v>8990</v>
      </c>
      <c r="E1743" t="s">
        <v>11</v>
      </c>
      <c r="G1743" t="s">
        <v>8991</v>
      </c>
    </row>
    <row r="1744" spans="1:7" x14ac:dyDescent="0.2">
      <c r="A1744" t="s">
        <v>8992</v>
      </c>
      <c r="B1744" t="s">
        <v>8993</v>
      </c>
      <c r="C1744" t="s">
        <v>8994</v>
      </c>
      <c r="D1744" t="s">
        <v>8995</v>
      </c>
      <c r="E1744" t="s">
        <v>11</v>
      </c>
      <c r="G1744" t="s">
        <v>8996</v>
      </c>
    </row>
    <row r="1745" spans="1:7" x14ac:dyDescent="0.2">
      <c r="A1745" t="s">
        <v>8997</v>
      </c>
      <c r="B1745" t="s">
        <v>8998</v>
      </c>
      <c r="C1745" t="s">
        <v>8999</v>
      </c>
      <c r="D1745" t="s">
        <v>9000</v>
      </c>
      <c r="E1745" t="s">
        <v>11</v>
      </c>
      <c r="G1745" t="s">
        <v>9001</v>
      </c>
    </row>
    <row r="1746" spans="1:7" x14ac:dyDescent="0.2">
      <c r="A1746" t="s">
        <v>9002</v>
      </c>
      <c r="B1746" t="s">
        <v>9003</v>
      </c>
      <c r="C1746" t="s">
        <v>9004</v>
      </c>
      <c r="D1746" t="s">
        <v>9005</v>
      </c>
      <c r="E1746" t="s">
        <v>17</v>
      </c>
      <c r="F1746" t="s">
        <v>9006</v>
      </c>
      <c r="G1746" t="s">
        <v>9007</v>
      </c>
    </row>
    <row r="1747" spans="1:7" x14ac:dyDescent="0.2">
      <c r="A1747" t="s">
        <v>9008</v>
      </c>
      <c r="B1747" t="s">
        <v>9009</v>
      </c>
      <c r="C1747" t="s">
        <v>9010</v>
      </c>
      <c r="D1747" t="s">
        <v>9011</v>
      </c>
      <c r="E1747" t="s">
        <v>11</v>
      </c>
      <c r="G1747" t="s">
        <v>9012</v>
      </c>
    </row>
    <row r="1748" spans="1:7" x14ac:dyDescent="0.2">
      <c r="A1748" t="s">
        <v>9013</v>
      </c>
      <c r="B1748" t="s">
        <v>9014</v>
      </c>
      <c r="C1748" t="s">
        <v>9015</v>
      </c>
      <c r="D1748" t="s">
        <v>9016</v>
      </c>
      <c r="E1748" t="s">
        <v>11</v>
      </c>
      <c r="G1748" t="s">
        <v>9017</v>
      </c>
    </row>
    <row r="1749" spans="1:7" x14ac:dyDescent="0.2">
      <c r="A1749" t="s">
        <v>9018</v>
      </c>
      <c r="B1749" t="s">
        <v>9019</v>
      </c>
      <c r="C1749" t="s">
        <v>9020</v>
      </c>
      <c r="D1749" t="s">
        <v>9021</v>
      </c>
      <c r="E1749" t="s">
        <v>11</v>
      </c>
      <c r="G1749" t="s">
        <v>9022</v>
      </c>
    </row>
    <row r="1750" spans="1:7" x14ac:dyDescent="0.2">
      <c r="A1750" t="s">
        <v>9023</v>
      </c>
      <c r="B1750" t="s">
        <v>9024</v>
      </c>
      <c r="C1750" t="s">
        <v>9025</v>
      </c>
      <c r="D1750" t="s">
        <v>9026</v>
      </c>
      <c r="E1750" t="s">
        <v>17</v>
      </c>
      <c r="F1750" t="s">
        <v>9027</v>
      </c>
      <c r="G1750" t="s">
        <v>9028</v>
      </c>
    </row>
    <row r="1751" spans="1:7" x14ac:dyDescent="0.2">
      <c r="A1751" t="s">
        <v>9029</v>
      </c>
      <c r="B1751" t="s">
        <v>9030</v>
      </c>
      <c r="C1751" t="s">
        <v>9031</v>
      </c>
      <c r="D1751" t="s">
        <v>9032</v>
      </c>
      <c r="E1751" t="s">
        <v>11</v>
      </c>
      <c r="G1751" t="s">
        <v>9033</v>
      </c>
    </row>
    <row r="1752" spans="1:7" x14ac:dyDescent="0.2">
      <c r="A1752" t="s">
        <v>9034</v>
      </c>
      <c r="B1752" t="s">
        <v>9035</v>
      </c>
      <c r="C1752" t="s">
        <v>9036</v>
      </c>
      <c r="D1752" t="s">
        <v>9037</v>
      </c>
      <c r="E1752" t="s">
        <v>11</v>
      </c>
      <c r="G1752" t="s">
        <v>9038</v>
      </c>
    </row>
    <row r="1753" spans="1:7" x14ac:dyDescent="0.2">
      <c r="A1753" t="s">
        <v>9039</v>
      </c>
      <c r="B1753" t="s">
        <v>9040</v>
      </c>
      <c r="C1753" t="s">
        <v>9041</v>
      </c>
      <c r="D1753" t="s">
        <v>9042</v>
      </c>
      <c r="E1753" t="s">
        <v>17</v>
      </c>
      <c r="F1753" t="s">
        <v>29</v>
      </c>
      <c r="G1753" t="s">
        <v>9043</v>
      </c>
    </row>
    <row r="1754" spans="1:7" x14ac:dyDescent="0.2">
      <c r="A1754" t="s">
        <v>9044</v>
      </c>
      <c r="B1754" t="s">
        <v>9045</v>
      </c>
      <c r="C1754" t="s">
        <v>9046</v>
      </c>
      <c r="D1754" t="s">
        <v>9047</v>
      </c>
      <c r="E1754" t="s">
        <v>11</v>
      </c>
      <c r="G1754" t="s">
        <v>9048</v>
      </c>
    </row>
    <row r="1755" spans="1:7" x14ac:dyDescent="0.2">
      <c r="A1755" t="s">
        <v>9049</v>
      </c>
      <c r="B1755" t="s">
        <v>9050</v>
      </c>
      <c r="C1755" t="s">
        <v>9051</v>
      </c>
      <c r="D1755" t="s">
        <v>9052</v>
      </c>
      <c r="E1755" t="s">
        <v>17</v>
      </c>
      <c r="F1755" t="s">
        <v>9053</v>
      </c>
      <c r="G1755" t="s">
        <v>9054</v>
      </c>
    </row>
    <row r="1756" spans="1:7" x14ac:dyDescent="0.2">
      <c r="A1756" t="s">
        <v>9055</v>
      </c>
      <c r="B1756" t="s">
        <v>9056</v>
      </c>
      <c r="C1756" t="s">
        <v>9057</v>
      </c>
      <c r="D1756" t="s">
        <v>9058</v>
      </c>
      <c r="E1756" t="s">
        <v>11</v>
      </c>
      <c r="G1756" t="s">
        <v>9059</v>
      </c>
    </row>
    <row r="1757" spans="1:7" x14ac:dyDescent="0.2">
      <c r="A1757" t="s">
        <v>9060</v>
      </c>
      <c r="B1757" t="s">
        <v>9061</v>
      </c>
      <c r="C1757" t="s">
        <v>9062</v>
      </c>
      <c r="D1757" t="s">
        <v>9063</v>
      </c>
      <c r="E1757" t="s">
        <v>11</v>
      </c>
      <c r="G1757" t="s">
        <v>9064</v>
      </c>
    </row>
    <row r="1758" spans="1:7" x14ac:dyDescent="0.2">
      <c r="A1758" t="s">
        <v>9065</v>
      </c>
      <c r="B1758" t="s">
        <v>9066</v>
      </c>
      <c r="C1758" t="s">
        <v>9067</v>
      </c>
      <c r="D1758" t="s">
        <v>9068</v>
      </c>
      <c r="E1758" t="s">
        <v>11</v>
      </c>
      <c r="G1758" t="s">
        <v>9069</v>
      </c>
    </row>
    <row r="1759" spans="1:7" x14ac:dyDescent="0.2">
      <c r="A1759" t="s">
        <v>9070</v>
      </c>
      <c r="B1759" t="s">
        <v>9071</v>
      </c>
      <c r="C1759" t="s">
        <v>9072</v>
      </c>
      <c r="D1759" t="s">
        <v>9073</v>
      </c>
      <c r="E1759" t="s">
        <v>11</v>
      </c>
      <c r="G1759" t="s">
        <v>9074</v>
      </c>
    </row>
    <row r="1760" spans="1:7" x14ac:dyDescent="0.2">
      <c r="A1760" t="s">
        <v>9075</v>
      </c>
      <c r="B1760" t="s">
        <v>9076</v>
      </c>
      <c r="C1760" t="s">
        <v>9077</v>
      </c>
      <c r="D1760" t="s">
        <v>9078</v>
      </c>
      <c r="E1760" t="s">
        <v>11</v>
      </c>
      <c r="G1760" t="s">
        <v>9079</v>
      </c>
    </row>
    <row r="1761" spans="1:7" x14ac:dyDescent="0.2">
      <c r="A1761" t="s">
        <v>9080</v>
      </c>
      <c r="B1761" t="s">
        <v>9081</v>
      </c>
      <c r="C1761" t="s">
        <v>9082</v>
      </c>
      <c r="D1761" t="s">
        <v>9083</v>
      </c>
      <c r="E1761" t="s">
        <v>17</v>
      </c>
      <c r="F1761" t="s">
        <v>9084</v>
      </c>
      <c r="G1761" t="s">
        <v>9085</v>
      </c>
    </row>
    <row r="1762" spans="1:7" x14ac:dyDescent="0.2">
      <c r="A1762" t="s">
        <v>9086</v>
      </c>
      <c r="B1762" t="s">
        <v>9087</v>
      </c>
      <c r="C1762" t="s">
        <v>9088</v>
      </c>
      <c r="D1762" t="s">
        <v>9089</v>
      </c>
      <c r="E1762" t="s">
        <v>17</v>
      </c>
      <c r="F1762" t="s">
        <v>9090</v>
      </c>
      <c r="G1762" t="s">
        <v>9091</v>
      </c>
    </row>
    <row r="1763" spans="1:7" x14ac:dyDescent="0.2">
      <c r="A1763" t="s">
        <v>9092</v>
      </c>
      <c r="B1763" t="s">
        <v>9093</v>
      </c>
      <c r="C1763" t="s">
        <v>9094</v>
      </c>
      <c r="D1763" t="s">
        <v>9095</v>
      </c>
      <c r="E1763" t="s">
        <v>11</v>
      </c>
      <c r="G1763" t="s">
        <v>9096</v>
      </c>
    </row>
    <row r="1764" spans="1:7" x14ac:dyDescent="0.2">
      <c r="A1764" t="s">
        <v>9097</v>
      </c>
      <c r="B1764" t="s">
        <v>9098</v>
      </c>
      <c r="C1764" t="s">
        <v>9099</v>
      </c>
      <c r="D1764" t="s">
        <v>9100</v>
      </c>
      <c r="E1764" t="s">
        <v>11</v>
      </c>
      <c r="G1764" t="s">
        <v>9101</v>
      </c>
    </row>
    <row r="1765" spans="1:7" x14ac:dyDescent="0.2">
      <c r="A1765" t="s">
        <v>9102</v>
      </c>
      <c r="B1765" t="s">
        <v>9103</v>
      </c>
      <c r="C1765" t="s">
        <v>9104</v>
      </c>
      <c r="D1765" t="s">
        <v>9105</v>
      </c>
      <c r="E1765" t="s">
        <v>11</v>
      </c>
      <c r="G1765" t="s">
        <v>9106</v>
      </c>
    </row>
    <row r="1766" spans="1:7" x14ac:dyDescent="0.2">
      <c r="A1766" t="s">
        <v>9107</v>
      </c>
      <c r="B1766" t="s">
        <v>9108</v>
      </c>
      <c r="C1766" t="s">
        <v>9109</v>
      </c>
      <c r="D1766" t="s">
        <v>9110</v>
      </c>
      <c r="E1766" t="s">
        <v>17</v>
      </c>
      <c r="F1766" t="s">
        <v>9111</v>
      </c>
      <c r="G1766" t="s">
        <v>9112</v>
      </c>
    </row>
    <row r="1767" spans="1:7" x14ac:dyDescent="0.2">
      <c r="A1767" t="s">
        <v>9113</v>
      </c>
      <c r="B1767" t="s">
        <v>9114</v>
      </c>
      <c r="C1767" t="s">
        <v>9115</v>
      </c>
      <c r="D1767" t="s">
        <v>9116</v>
      </c>
      <c r="E1767" t="s">
        <v>11</v>
      </c>
      <c r="G1767" t="s">
        <v>9117</v>
      </c>
    </row>
    <row r="1768" spans="1:7" x14ac:dyDescent="0.2">
      <c r="A1768" t="s">
        <v>9118</v>
      </c>
      <c r="B1768" t="s">
        <v>9119</v>
      </c>
      <c r="C1768" t="s">
        <v>9120</v>
      </c>
      <c r="D1768" t="s">
        <v>9121</v>
      </c>
      <c r="E1768" t="s">
        <v>17</v>
      </c>
      <c r="F1768" t="s">
        <v>9122</v>
      </c>
      <c r="G1768" t="s">
        <v>9123</v>
      </c>
    </row>
    <row r="1769" spans="1:7" x14ac:dyDescent="0.2">
      <c r="A1769" t="s">
        <v>9124</v>
      </c>
      <c r="B1769" t="s">
        <v>9125</v>
      </c>
      <c r="C1769" t="s">
        <v>9126</v>
      </c>
      <c r="D1769" t="s">
        <v>9127</v>
      </c>
      <c r="E1769" t="s">
        <v>287</v>
      </c>
      <c r="F1769" t="s">
        <v>288</v>
      </c>
      <c r="G1769" t="s">
        <v>9128</v>
      </c>
    </row>
    <row r="1770" spans="1:7" x14ac:dyDescent="0.2">
      <c r="A1770" t="s">
        <v>9129</v>
      </c>
      <c r="B1770" t="s">
        <v>9130</v>
      </c>
      <c r="C1770" t="s">
        <v>9131</v>
      </c>
      <c r="D1770" t="s">
        <v>9132</v>
      </c>
      <c r="E1770" t="s">
        <v>17</v>
      </c>
      <c r="F1770" t="s">
        <v>18</v>
      </c>
      <c r="G1770" t="s">
        <v>9133</v>
      </c>
    </row>
    <row r="1771" spans="1:7" x14ac:dyDescent="0.2">
      <c r="A1771" t="s">
        <v>9134</v>
      </c>
      <c r="B1771" t="s">
        <v>9135</v>
      </c>
      <c r="C1771" t="s">
        <v>9136</v>
      </c>
      <c r="D1771" t="s">
        <v>9137</v>
      </c>
      <c r="E1771" t="s">
        <v>17</v>
      </c>
      <c r="F1771" t="s">
        <v>1098</v>
      </c>
      <c r="G1771" t="s">
        <v>9138</v>
      </c>
    </row>
  </sheetData>
  <phoneticPr fontId="1"/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ournals_without_Transactional_</vt:lpstr>
      <vt:lpstr>Journals_without_Transactional_Access</vt:lpstr>
    </vt:vector>
  </TitlesOfParts>
  <Company>Microsof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rancis, Selin Ruby (ELS-CHN)</dc:creator>
  <cp:lastModifiedBy>小暮　昌敏</cp:lastModifiedBy>
  <dcterms:created xsi:type="dcterms:W3CDTF">2026-03-25T13:57:48Z</dcterms:created>
  <dcterms:modified xsi:type="dcterms:W3CDTF">2026-03-31T12:27:17Z</dcterms:modified>
</cp:coreProperties>
</file>